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m4a" ContentType="audio/mp4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ink/ink1.xml" ContentType="application/inkml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ink/ink2.xml" ContentType="application/inkml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ppt/tags/tag45.xml" ContentType="application/vnd.openxmlformats-officedocument.presentationml.tags+xml"/>
  <Override PartName="/ppt/notesSlides/notesSlide44.xml" ContentType="application/vnd.openxmlformats-officedocument.presentationml.notesSlide+xml"/>
  <Override PartName="/ppt/tags/tag46.xml" ContentType="application/vnd.openxmlformats-officedocument.presentationml.tags+xml"/>
  <Override PartName="/ppt/notesSlides/notesSlide45.xml" ContentType="application/vnd.openxmlformats-officedocument.presentationml.notesSlide+xml"/>
  <Override PartName="/ppt/tags/tag47.xml" ContentType="application/vnd.openxmlformats-officedocument.presentationml.tags+xml"/>
  <Override PartName="/ppt/notesSlides/notesSlide46.xml" ContentType="application/vnd.openxmlformats-officedocument.presentationml.notesSlide+xml"/>
  <Override PartName="/ppt/ink/ink3.xml" ContentType="application/inkml+xml"/>
  <Override PartName="/ppt/tags/tag48.xml" ContentType="application/vnd.openxmlformats-officedocument.presentationml.tags+xml"/>
  <Override PartName="/ppt/notesSlides/notesSlide47.xml" ContentType="application/vnd.openxmlformats-officedocument.presentationml.notesSlide+xml"/>
  <Override PartName="/ppt/ink/ink4.xml" ContentType="application/inkml+xml"/>
  <Override PartName="/ppt/tags/tag49.xml" ContentType="application/vnd.openxmlformats-officedocument.presentationml.tags+xml"/>
  <Override PartName="/ppt/notesSlides/notesSlide48.xml" ContentType="application/vnd.openxmlformats-officedocument.presentationml.notesSlide+xml"/>
  <Override PartName="/ppt/tags/tag50.xml" ContentType="application/vnd.openxmlformats-officedocument.presentationml.tags+xml"/>
  <Override PartName="/ppt/notesSlides/notesSlide49.xml" ContentType="application/vnd.openxmlformats-officedocument.presentationml.notesSlide+xml"/>
  <Override PartName="/ppt/tags/tag51.xml" ContentType="application/vnd.openxmlformats-officedocument.presentationml.tags+xml"/>
  <Override PartName="/ppt/notesSlides/notesSlide50.xml" ContentType="application/vnd.openxmlformats-officedocument.presentationml.notesSlide+xml"/>
  <Override PartName="/ppt/tags/tag52.xml" ContentType="application/vnd.openxmlformats-officedocument.presentationml.tags+xml"/>
  <Override PartName="/ppt/notesSlides/notesSlide51.xml" ContentType="application/vnd.openxmlformats-officedocument.presentationml.notesSlide+xml"/>
  <Override PartName="/ppt/tags/tag53.xml" ContentType="application/vnd.openxmlformats-officedocument.presentationml.tags+xml"/>
  <Override PartName="/ppt/notesSlides/notesSlide52.xml" ContentType="application/vnd.openxmlformats-officedocument.presentationml.notesSlide+xml"/>
  <Override PartName="/ppt/tags/tag54.xml" ContentType="application/vnd.openxmlformats-officedocument.presentationml.tags+xml"/>
  <Override PartName="/ppt/notesSlides/notesSlide53.xml" ContentType="application/vnd.openxmlformats-officedocument.presentationml.notesSlide+xml"/>
  <Override PartName="/ppt/tags/tag55.xml" ContentType="application/vnd.openxmlformats-officedocument.presentationml.tags+xml"/>
  <Override PartName="/ppt/notesSlides/notesSlide54.xml" ContentType="application/vnd.openxmlformats-officedocument.presentationml.notesSlide+xml"/>
  <Override PartName="/ppt/tags/tag56.xml" ContentType="application/vnd.openxmlformats-officedocument.presentationml.tags+xml"/>
  <Override PartName="/ppt/notesSlides/notesSlide55.xml" ContentType="application/vnd.openxmlformats-officedocument.presentationml.notesSlide+xml"/>
  <Override PartName="/ppt/tags/tag57.xml" ContentType="application/vnd.openxmlformats-officedocument.presentationml.tags+xml"/>
  <Override PartName="/ppt/notesSlides/notesSlide56.xml" ContentType="application/vnd.openxmlformats-officedocument.presentationml.notesSlide+xml"/>
  <Override PartName="/ppt/tags/tag58.xml" ContentType="application/vnd.openxmlformats-officedocument.presentationml.tags+xml"/>
  <Override PartName="/ppt/notesSlides/notesSlide57.xml" ContentType="application/vnd.openxmlformats-officedocument.presentationml.notesSlide+xml"/>
  <Override PartName="/ppt/tags/tag59.xml" ContentType="application/vnd.openxmlformats-officedocument.presentationml.tags+xml"/>
  <Override PartName="/ppt/notesSlides/notesSlide58.xml" ContentType="application/vnd.openxmlformats-officedocument.presentationml.notesSlide+xml"/>
  <Override PartName="/ppt/tags/tag60.xml" ContentType="application/vnd.openxmlformats-officedocument.presentationml.tags+xml"/>
  <Override PartName="/ppt/notesSlides/notesSlide59.xml" ContentType="application/vnd.openxmlformats-officedocument.presentationml.notesSlide+xml"/>
  <Override PartName="/ppt/tags/tag61.xml" ContentType="application/vnd.openxmlformats-officedocument.presentationml.tags+xml"/>
  <Override PartName="/ppt/notesSlides/notesSlide60.xml" ContentType="application/vnd.openxmlformats-officedocument.presentationml.notesSlide+xml"/>
  <Override PartName="/ppt/tags/tag62.xml" ContentType="application/vnd.openxmlformats-officedocument.presentationml.tags+xml"/>
  <Override PartName="/ppt/notesSlides/notesSlide61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60" r:id="rId4"/>
  </p:sldMasterIdLst>
  <p:notesMasterIdLst>
    <p:notesMasterId r:id="rId66"/>
  </p:notesMasterIdLst>
  <p:sldIdLst>
    <p:sldId id="257" r:id="rId5"/>
    <p:sldId id="288" r:id="rId6"/>
    <p:sldId id="514" r:id="rId7"/>
    <p:sldId id="612" r:id="rId8"/>
    <p:sldId id="613" r:id="rId9"/>
    <p:sldId id="614" r:id="rId10"/>
    <p:sldId id="615" r:id="rId11"/>
    <p:sldId id="616" r:id="rId12"/>
    <p:sldId id="619" r:id="rId13"/>
    <p:sldId id="620" r:id="rId14"/>
    <p:sldId id="621" r:id="rId15"/>
    <p:sldId id="622" r:id="rId16"/>
    <p:sldId id="623" r:id="rId17"/>
    <p:sldId id="624" r:id="rId18"/>
    <p:sldId id="625" r:id="rId19"/>
    <p:sldId id="626" r:id="rId20"/>
    <p:sldId id="627" r:id="rId21"/>
    <p:sldId id="628" r:id="rId22"/>
    <p:sldId id="629" r:id="rId23"/>
    <p:sldId id="630" r:id="rId24"/>
    <p:sldId id="634" r:id="rId25"/>
    <p:sldId id="631" r:id="rId26"/>
    <p:sldId id="633" r:id="rId27"/>
    <p:sldId id="632" r:id="rId28"/>
    <p:sldId id="635" r:id="rId29"/>
    <p:sldId id="636" r:id="rId30"/>
    <p:sldId id="637" r:id="rId31"/>
    <p:sldId id="638" r:id="rId32"/>
    <p:sldId id="639" r:id="rId33"/>
    <p:sldId id="640" r:id="rId34"/>
    <p:sldId id="641" r:id="rId35"/>
    <p:sldId id="642" r:id="rId36"/>
    <p:sldId id="643" r:id="rId37"/>
    <p:sldId id="644" r:id="rId38"/>
    <p:sldId id="645" r:id="rId39"/>
    <p:sldId id="647" r:id="rId40"/>
    <p:sldId id="646" r:id="rId41"/>
    <p:sldId id="648" r:id="rId42"/>
    <p:sldId id="649" r:id="rId43"/>
    <p:sldId id="650" r:id="rId44"/>
    <p:sldId id="651" r:id="rId45"/>
    <p:sldId id="652" r:id="rId46"/>
    <p:sldId id="653" r:id="rId47"/>
    <p:sldId id="654" r:id="rId48"/>
    <p:sldId id="655" r:id="rId49"/>
    <p:sldId id="656" r:id="rId50"/>
    <p:sldId id="657" r:id="rId51"/>
    <p:sldId id="658" r:id="rId52"/>
    <p:sldId id="659" r:id="rId53"/>
    <p:sldId id="660" r:id="rId54"/>
    <p:sldId id="661" r:id="rId55"/>
    <p:sldId id="662" r:id="rId56"/>
    <p:sldId id="663" r:id="rId57"/>
    <p:sldId id="664" r:id="rId58"/>
    <p:sldId id="665" r:id="rId59"/>
    <p:sldId id="671" r:id="rId60"/>
    <p:sldId id="303" r:id="rId61"/>
    <p:sldId id="672" r:id="rId62"/>
    <p:sldId id="673" r:id="rId63"/>
    <p:sldId id="258" r:id="rId64"/>
    <p:sldId id="357" r:id="rId65"/>
  </p:sldIdLst>
  <p:sldSz cx="12192000" cy="6858000"/>
  <p:notesSz cx="6858000" cy="9144000"/>
  <p:embeddedFontLst>
    <p:embeddedFont>
      <p:font typeface="Candara" panose="020E0502030303020204" pitchFamily="34" charset="0"/>
      <p:regular r:id="rId67"/>
      <p:bold r:id="rId68"/>
      <p:italic r:id="rId69"/>
      <p:boldItalic r:id="rId70"/>
    </p:embeddedFont>
    <p:embeddedFont>
      <p:font typeface="Open Sans ExtraBold" panose="020B0906030804020204" pitchFamily="34" charset="0"/>
      <p:bold r:id="rId71"/>
      <p:boldItalic r:id="rId72"/>
    </p:embeddedFont>
    <p:embeddedFont>
      <p:font typeface="Verdana" panose="020B0604030504040204" pitchFamily="34" charset="0"/>
      <p:regular r:id="rId73"/>
      <p:bold r:id="rId74"/>
      <p:italic r:id="rId75"/>
      <p:boldItalic r:id="rId76"/>
    </p:embeddedFont>
  </p:embeddedFontLst>
  <p:custDataLst>
    <p:tags r:id="rId7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0000000-0000-0000-0000-000000000000}" name="Author" initials="A" userId="Author" providerId="AD"/>
  <p188:author id="{03D82760-C951-1BFF-29C2-9DED795D81D5}" name="Vivian Tang" initials="VT" userId="S::vivian.tang@pearson.com::c38f7cfe-078d-4502-85d2-92bb7fe749ff" providerId="AD"/>
  <p188:author id="{B32483BF-1D69-D002-7850-B54DFB38C7CF}" name="Cherry Leung" initials="CL" userId="S::Cherry.Leung@Pearson.com::712344c0-9897-4cc1-974c-49580c486c23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4" name="Author" initials="A" lastIdx="0" clrIdx="3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ED00"/>
    <a:srgbClr val="6C4696"/>
    <a:srgbClr val="CCEFFC"/>
    <a:srgbClr val="5C975B"/>
    <a:srgbClr val="03803A"/>
    <a:srgbClr val="8A6CAE"/>
    <a:srgbClr val="FF00FF"/>
    <a:srgbClr val="DA4179"/>
    <a:srgbClr val="F59D45"/>
    <a:srgbClr val="EF7C0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74574625-2AB4-405F-BC90-49AE5ECC87B0}" v="1" dt="2025-08-31T04:20:43.449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2039" autoAdjust="0"/>
    <p:restoredTop sz="97386" autoAdjust="0"/>
  </p:normalViewPr>
  <p:slideViewPr>
    <p:cSldViewPr snapToGrid="0">
      <p:cViewPr varScale="1">
        <p:scale>
          <a:sx n="59" d="100"/>
          <a:sy n="59" d="100"/>
        </p:scale>
        <p:origin x="160" y="26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 varScale="1"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2.xml"/><Relationship Id="rId21" Type="http://schemas.openxmlformats.org/officeDocument/2006/relationships/slide" Target="slides/slide17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63" Type="http://schemas.openxmlformats.org/officeDocument/2006/relationships/slide" Target="slides/slide59.xml"/><Relationship Id="rId68" Type="http://schemas.openxmlformats.org/officeDocument/2006/relationships/font" Target="fonts/font2.fntdata"/><Relationship Id="rId84" Type="http://schemas.microsoft.com/office/2018/10/relationships/authors" Target="authors.xml"/><Relationship Id="rId16" Type="http://schemas.openxmlformats.org/officeDocument/2006/relationships/slide" Target="slides/slide12.xml"/><Relationship Id="rId11" Type="http://schemas.openxmlformats.org/officeDocument/2006/relationships/slide" Target="slides/slide7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53" Type="http://schemas.openxmlformats.org/officeDocument/2006/relationships/slide" Target="slides/slide49.xml"/><Relationship Id="rId58" Type="http://schemas.openxmlformats.org/officeDocument/2006/relationships/slide" Target="slides/slide54.xml"/><Relationship Id="rId74" Type="http://schemas.openxmlformats.org/officeDocument/2006/relationships/font" Target="fonts/font8.fntdata"/><Relationship Id="rId79" Type="http://schemas.openxmlformats.org/officeDocument/2006/relationships/presProps" Target="presProps.xml"/><Relationship Id="rId5" Type="http://schemas.openxmlformats.org/officeDocument/2006/relationships/slide" Target="slides/slide1.xml"/><Relationship Id="rId61" Type="http://schemas.openxmlformats.org/officeDocument/2006/relationships/slide" Target="slides/slide57.xml"/><Relationship Id="rId82" Type="http://schemas.openxmlformats.org/officeDocument/2006/relationships/tableStyles" Target="tableStyles.xml"/><Relationship Id="rId19" Type="http://schemas.openxmlformats.org/officeDocument/2006/relationships/slide" Target="slides/slide1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slide" Target="slides/slide52.xml"/><Relationship Id="rId64" Type="http://schemas.openxmlformats.org/officeDocument/2006/relationships/slide" Target="slides/slide60.xml"/><Relationship Id="rId69" Type="http://schemas.openxmlformats.org/officeDocument/2006/relationships/font" Target="fonts/font3.fntdata"/><Relationship Id="rId77" Type="http://schemas.openxmlformats.org/officeDocument/2006/relationships/tags" Target="tags/tag1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72" Type="http://schemas.openxmlformats.org/officeDocument/2006/relationships/font" Target="fonts/font6.fntdata"/><Relationship Id="rId80" Type="http://schemas.openxmlformats.org/officeDocument/2006/relationships/viewProps" Target="viewProps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slide" Target="slides/slide55.xml"/><Relationship Id="rId67" Type="http://schemas.openxmlformats.org/officeDocument/2006/relationships/font" Target="fonts/font1.fntdata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slide" Target="slides/slide50.xml"/><Relationship Id="rId62" Type="http://schemas.openxmlformats.org/officeDocument/2006/relationships/slide" Target="slides/slide58.xml"/><Relationship Id="rId70" Type="http://schemas.openxmlformats.org/officeDocument/2006/relationships/font" Target="fonts/font4.fntdata"/><Relationship Id="rId75" Type="http://schemas.openxmlformats.org/officeDocument/2006/relationships/font" Target="fonts/font9.fntdata"/><Relationship Id="rId83" Type="http://schemas.microsoft.com/office/2015/10/relationships/revisionInfo" Target="revisionInfo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slide" Target="slides/slide53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openxmlformats.org/officeDocument/2006/relationships/slide" Target="slides/slide56.xml"/><Relationship Id="rId65" Type="http://schemas.openxmlformats.org/officeDocument/2006/relationships/slide" Target="slides/slide61.xml"/><Relationship Id="rId73" Type="http://schemas.openxmlformats.org/officeDocument/2006/relationships/font" Target="fonts/font7.fntdata"/><Relationship Id="rId78" Type="http://schemas.openxmlformats.org/officeDocument/2006/relationships/commentAuthors" Target="commentAuthors.xml"/><Relationship Id="rId81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39" Type="http://schemas.openxmlformats.org/officeDocument/2006/relationships/slide" Target="slides/slide35.xml"/><Relationship Id="rId34" Type="http://schemas.openxmlformats.org/officeDocument/2006/relationships/slide" Target="slides/slide30.xml"/><Relationship Id="rId50" Type="http://schemas.openxmlformats.org/officeDocument/2006/relationships/slide" Target="slides/slide46.xml"/><Relationship Id="rId55" Type="http://schemas.openxmlformats.org/officeDocument/2006/relationships/slide" Target="slides/slide51.xml"/><Relationship Id="rId76" Type="http://schemas.openxmlformats.org/officeDocument/2006/relationships/font" Target="fonts/font10.fntdata"/><Relationship Id="rId7" Type="http://schemas.openxmlformats.org/officeDocument/2006/relationships/slide" Target="slides/slide3.xml"/><Relationship Id="rId71" Type="http://schemas.openxmlformats.org/officeDocument/2006/relationships/font" Target="fonts/font5.fntdata"/><Relationship Id="rId2" Type="http://schemas.openxmlformats.org/officeDocument/2006/relationships/customXml" Target="../customXml/item2.xml"/><Relationship Id="rId29" Type="http://schemas.openxmlformats.org/officeDocument/2006/relationships/slide" Target="slides/slide25.xml"/><Relationship Id="rId24" Type="http://schemas.openxmlformats.org/officeDocument/2006/relationships/slide" Target="slides/slide20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66" Type="http://schemas.openxmlformats.org/officeDocument/2006/relationships/notesMaster" Target="notesMasters/notesMaster1.xml"/></Relationships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4-30T09:06:47.045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2362'0,"-2347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02T07:22:00.023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6524'0,"-16509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02T08:14:32.791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5654'0,"-5642"0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02T08:14:32.791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5654'0,"-5642"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48C9195-013A-492E-B5DF-900A7333F2F6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EBDE017-96AA-40F2-BC96-47ED47D76B0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029842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EBDE017-96AA-40F2-BC96-47ED47D76B04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66352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EC4DFBC-7882-AA7F-C60B-0DEC471D08C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AA2233CA-BCF9-C58F-D87A-8C3508FDA871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7C605EDD-8BB9-E0FA-C992-71A01175EDA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1471DEE-5111-9E2D-9DAA-3C177839866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294452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E833AA6-F6AB-E56A-EC4B-5E157FA8C56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F970CF5-FC93-E3AA-9423-5414CF33C8F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34979F8-8939-4AAB-7F62-B49B9E038B6E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4A37828-D781-AFA7-EA3D-F37243BD0380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0928145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9BDD584-958D-60C0-2273-8C2EC033427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F8DBACC-EC0E-B1F8-DB41-FCA6653951F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B23F41F-9E38-3E54-7B37-246A9ABA8FA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9103159-41A8-B759-E627-1A71DDCF35E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3797648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1832956-7A6E-BEE6-02A4-3897B6F15E9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D562DE72-D7C4-8132-E0EC-3E3A697482A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EE0E62AB-2A69-780A-A4C0-EF5E321794DE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F6F5E2F-2029-148E-2B0C-140A5BED2E6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7269752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11953CD-C3B2-F7CC-E24F-EE70479B87C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AE9EDB1-65C3-921B-D7B2-831E5BB963B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692D3F23-62B4-FE71-FC7A-C3B79F7DACE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0BBCCE4-B1B9-6042-1C7C-443AE33A930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5251807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D4F4EEE-D1E6-58DF-EE02-66BD0FCF503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4CDB0C8-1A1A-D265-282B-02BC01596194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766FEDB-85C5-DDBE-9CFE-E7559F86C11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A55E8D5-DFFC-3B69-0264-6C898C5BD02F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3944121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F878E6D-3298-06E0-610B-C8E509FEEA7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D35C2CF-C831-8381-6664-9821BB6689DB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B7C230C-24D6-0311-1E59-18063E9CB72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6569B85-59B9-DBE8-2E5E-73F30587BA2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6104741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87C1C78-53D8-524C-5EA3-FE038DD6BE7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F0D0C90-E146-C186-2B7C-463F69196B54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2374854A-ACA1-E663-1807-30E22B0CAB1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89091B4-F159-4714-DB83-91B0CB0D7C75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5631915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E496DF5-29BD-3774-446F-0B5AFAC1E00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FEEB27A-1D80-3F85-8404-65D69A5993F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5A83F8B-7F8A-BD2D-84C1-13ECB742C3D1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F1B4D01-F26F-3E63-B727-B576916E027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120863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994FBC1-D8D5-47A2-B40E-41B3B2DA1BC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AA26A27C-E33F-1342-31C5-4717511D217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923E1A0-8465-623E-BB9B-8BD5A24A23AE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946D898-2A25-BE2A-245C-314F90B9680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7456683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0868431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A6A9A4B-C929-80AF-E717-8EFA3AC3D98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6DB7356-D93F-9148-CFEF-B4956BB3426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A2C500D-2EC4-0365-041D-C73BDF04F1B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BB33330-3B14-DF05-7391-29E17499424B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3452369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5D2E138-5D99-7A10-09B8-0DDD56A1F2A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85B81D9-E243-8835-D1D2-E06505E2500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E61955D-160D-5F32-DBDA-D15699C7D39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04DCEEB-A824-0DBE-3D39-A4E73B4AD96A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3762776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CAE216F-D036-C1A1-1491-708E67E8EB4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46B95DD-0A46-2928-6554-434E4774D49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458BA894-D679-C4C8-64D3-B4E099D5553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483A9D4-C0C3-FF2C-CAA0-628F2138C563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390495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14A2EB3-C92A-6967-0709-8D368B3205A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034FBBE-888E-B428-81AD-0E9830DCB4F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4F72135-86C8-91E8-CF9C-9879D881CD6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68543E65-3EA1-AC81-453A-03CAF1E8C195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97946146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D8180AE-3EA7-6F99-B958-A4D0DA87A08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7C4DC2B6-27E5-3B61-AB57-72740BEA35D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D202853-A297-DA0E-035B-0844F832E26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7B34A57-1639-41E2-2449-95B276A37C4B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8793406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73D27E4-4923-AAF8-7646-E6A110E089F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CC1FC79-FADE-5F19-1B1B-8ECFDBBCCD2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D5B736C-F0EA-ACB7-E37D-9C93CD5193B5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9CE348C-9824-D8D6-E823-1E55978FE6C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21344629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D49B3E3-B1D5-31FF-BD48-EC7E63CC19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7CD0146C-0480-DDEB-BA5B-A1C2A94227D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7CBC3D6-909A-48A2-BEB1-BD36F6A832F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A34D03D-B4A9-D3A0-14BF-A6F72321F6C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4835653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D49B3E3-B1D5-31FF-BD48-EC7E63CC19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7CD0146C-0480-DDEB-BA5B-A1C2A94227D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7CBC3D6-909A-48A2-BEB1-BD36F6A832F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A34D03D-B4A9-D3A0-14BF-A6F72321F6C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85143695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95732DF-0D9E-B0E5-AB98-0BB99F952A1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71F4B10-A508-D068-9C57-646D35913C9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A188DE5C-4DF9-2791-C388-CA3B92E0F650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82BE2490-FA0E-5F14-D331-1076CD25EA8F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45374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A4238D2-3BE6-691F-1019-E084B88F5B2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FB3171A5-8228-5862-91C9-13D37580F5A5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E705A86C-B6A2-1A8A-823B-CC15C1E8F44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64865D2-3C63-9408-163F-2E12886F51E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7484863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26122711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51E5C8D-5085-33B3-7CEC-019924AE4C6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222AA95B-508A-A32A-E2D5-6BBD66210FF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09CFD46-5650-18C1-B874-F3F7EFB3855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0C5A6EA-A207-8C46-E52B-5FBB3825D416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35562337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BD0434E-4BE0-1071-9CB9-171FDB5EC07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0F5A300-3A14-515F-4F57-61228411986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0CC9D45-A91E-73F8-9488-A8A5103F205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0C2DAEA-1252-8523-3CFB-1BC7FE2D253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05058286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E318AB9-402E-F5B4-42E9-0A6A69B9D3E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066B811-34FB-F63E-6EB9-5E03689233F9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1A1FD16-D586-64A8-602F-66C70720BF3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D23E15F-6D46-0F51-96C7-D6D16CCEC83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49415026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55C7DFB-65DA-1D90-E117-F515845F395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04081288-5426-0106-5ACE-FCB6C6CF0A6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50165B98-C866-C63B-5ED8-72AE309A93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D440431-7DEA-0151-7509-DA77D59B9C4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83276153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84252B0-075F-B360-FCAE-7F2A0392C58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CD4B0A0C-2D13-AB1A-F1F9-991C6BFF434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4D029BA-B7E2-F0EC-65C4-6D22A28DA550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895B49A1-77A0-3CE1-C2AF-51366F9A382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57985409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DF3E2A-3767-E3CD-DCEC-9D76FB9DA6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23E65C83-48D9-CA47-E27F-287FDCC7BCC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5EBD1607-0B56-81B8-1BD3-F61D5A738DE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6AD6AB5-C4E5-69BD-B9FE-2B23EBD579B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81895991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B32A471-FA4B-2300-3F09-68CDA38E75E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6BE4DE85-C4B9-0D10-4AFA-1658ABB1D34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D9C4847-D5D2-2BB8-C7C2-5EBDA5D509F7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2251A58D-4179-341B-861E-C6CB22FA325E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05112988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1E1FFC8-5D00-9658-F8BD-1D4B926951E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B19FD7B3-52E2-98D0-27D2-64F136ADE4F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C5C4F1A-B2AB-05D7-3CF2-12926E43CD2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260F608D-DA98-7125-DA55-981BCA171BC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6018212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258BAEF-B1AF-DD20-DF7D-50D11AB7DA0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5F83BAB6-8BA7-F3D9-DD5E-7F7619B8044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E447DD6-DAD8-8175-2E40-DD6A54C321D7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3845555-6EF8-F995-3DCD-200EAA5C0B2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73142760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7CB9C6E-1529-CAF9-AADB-D5D7ADE5F3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B5799511-952F-7911-0A1D-72DD302DB45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7BDE9DCA-BEDF-26C5-35E9-B7FC913C0B3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2DD1F6FA-61E8-C604-9C23-9991573F215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10039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3BC012D-9951-FC15-3C3B-C7FB52D9FC8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A4EF2DFA-A452-53B1-8CB9-5969D7A360BF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B10DACE5-6A27-8B75-B31B-2A1926E52B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04875DA-3E82-7260-CC47-C46FE0BE3A7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9311405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230EE7F-CFFB-FEC6-FC99-831282EB891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C6A61785-68BE-F1ED-66C1-F7E82FAEDFC0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46F5DBEF-7FED-2BA4-5E06-3B1A0E31EAC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5CC21268-05F5-A666-C264-A254839A0EE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65785166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95C21AC-DE33-6EE7-946B-EF6EB18BCFD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5721A17E-3BB5-0AEB-3BB8-6228750C2118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F5BB130-AD73-1767-3951-C3127404315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A05C414-14D9-0413-E678-47A23CA545C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42297098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60C9F81-E220-D448-5004-CAF41CD0CB8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951CC6F1-66D7-053D-6670-4D8EAB2E776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4D7C3259-2234-5980-1609-10EFBD7B794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5708161-2827-A59E-1718-187251C10CE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6002246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ECE6C3A-B71E-4387-9BF8-42E0AD122E3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D7155C1-AC30-335E-7048-8219777E2060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2D12BEA0-6C53-5E97-BC0C-82FD69F6FD0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B097590-C48F-C330-2007-0AA08F3D1D6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01590510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E11DB97-FCAD-A304-4E65-5B447796C04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A3D32BB-BC82-7155-959E-1584E354CF8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3DAF0DA-178C-B125-7F36-9948B109B71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D7A3B48F-3986-417D-78C9-CA190DBCE28B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92968358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76BB653-9414-386E-CEB4-FA8C7A0AE63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B7E1DFB-3D4F-33AD-EFE6-6B447A1964F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F0B57365-8108-0765-1BCB-4BB8E8B1DC64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2F17507-750A-6757-3D93-95AADE37A56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47113625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FCE0DC4-9DA1-BE31-4441-E3344654454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BE92FE1-F79B-9BA0-18B6-58B58AF78AA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530891A-CB45-2585-8DF2-F959C0994125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BDCF012-396D-5451-0610-8E6B39F3417E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36709890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E571E30-27C6-7A43-A2A2-D2A9B0690C2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C1D9A033-0B89-DEDC-F559-8DFF776C94B8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C57DAC0-260B-A983-5877-029E7D7A2DE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534D9E1-8C8C-0891-CCB3-35670A1E801F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55386146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B3A7439-DDF9-A4C3-62DA-D2E4CF5F30F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C9A32A91-8408-D37C-2019-0447ABC28494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68977FEC-30EA-3056-AFA8-B534C0B1D98A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D4A2F71-F45E-F965-FFC7-42716CED9FF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0832280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F108816-2812-F3DE-D325-9247BBBA970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C4C404D7-C193-3181-BE31-D80092B7BFA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35DE55F-4C5A-C7F2-CA07-36A053B38FF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71A9EF6-33E9-E0E1-CA30-13E052325EF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1741329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B1607E4-F135-A513-37B8-E07E7B598E1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2189803B-75A6-B400-146B-EB46B2614AE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210E0D8-7270-8B0F-8C83-D9E2C19BEAC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D140CD9-12DD-41D7-DD76-B1DE36E6E6B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13761815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EBC01D9-9EEA-BBC4-CE75-ED8585D47CB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FD77B390-BDA3-980E-8905-1E8E4530E068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7012BCE-23DF-0881-9D8B-2E23828B7D8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889375B-A199-ADF4-AA6C-4A7565CAE99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40814382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191B2AC-EEAE-DD11-4E40-2A5F9902775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065E448-AD6B-72EE-6488-388ADE1D73D3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158C665-F76B-F4A2-35BD-91951A3A7D64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6C500EE-C4C3-811E-9E68-1C04FA831D4B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38783485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7961DD5-A867-F2F3-27B1-12018B743A7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07E40C4E-315B-0B9E-101C-DAEA006739A4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94CEEDA0-F6DC-4C6F-DCA8-DEC998DC494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60163DE-AF04-9AB8-EC10-A84DBF3A353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57231893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E046D94-0379-0A53-708C-5B07C1A78A3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DD6CE89E-FF04-AC49-F7B9-3CB42C6F382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219D6D7-2BCD-4F19-6717-B8C4286926F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63E5EB68-9FA1-60E1-B6B7-994C184B71E6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92205330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4B9976C-B077-74E6-7850-647EB5B09A5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A69D9D8-6EE5-F62D-3542-1D002C0F232A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C3029606-230A-E9E9-B9EE-9178A0F8E5B0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2EC0930-4618-DE82-5AC8-8CDA9CBE5FFA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45917263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560B066-83A1-B1AA-9FBC-55975851F06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B578FAA3-0EEB-1D8F-5C5C-37E49CE9D55D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77437925-892D-8051-1130-8617F5FFFFD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5362B53-3D6B-72C6-7520-BF2502EEB73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83870492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935D6D1-623B-9440-B81A-F2F8EB7B0BF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CB6766D-BC93-EF60-ED63-62F7CF7AD63D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0E01ED6-937A-27D5-B934-D172FCD448BE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F11AAD2-977B-B5A8-DAE6-E6C7F6F0A02B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04018077"/>
      </p:ext>
    </p:extLst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7326194"/>
      </p:ext>
    </p:extLst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544E280-8547-79D8-F311-1669B677B5D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76E77967-E705-9BD8-52CF-A4C144D7D5CD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19B72A09-C3F9-3E45-8C2F-5A4493243AB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47D1C6B-9EAA-E452-4BC9-45D79FD23B3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49337522"/>
      </p:ext>
    </p:extLst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588F25E-8E29-38ED-C21E-F751C63D245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1EBEC37-680F-A847-D61D-EDC50781186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AA9C1B94-AF06-9185-99B3-96A89317EC91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8F3D447-EDAD-B201-9B9B-AAE9BB27AFC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3718964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234C2CA-A07A-0633-05B2-D376F3F8886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609194FA-F8E1-6798-09F6-551C8213F808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88DBED1-58B5-7A0E-E8B2-D68C5A590C4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A8BA008-F136-082D-4AA3-DE868FAE8C0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39446119"/>
      </p:ext>
    </p:extLst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EBDE017-96AA-40F2-BC96-47ED47D76B04}" type="slidenum">
              <a:rPr lang="en-US" smtClean="0"/>
              <a:t>6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6858497"/>
      </p:ext>
    </p:extLst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8CA05A5-8CC2-4799-8E3A-A34927AD1EDF}" type="slidenum">
              <a:rPr lang="zh-TW" altLang="en-US" smtClean="0"/>
              <a:t>61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4820329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8003922-3D05-5E45-48AD-DAC2DA13F57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479041BE-1C5B-EBC5-99A2-5383335A807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5E3E9FF1-50A2-A125-4134-54548E54A65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E6687A2-5EBC-7BC3-0EA1-26720ADB4CEE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2880160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4A3E024-E3F1-2BE4-2963-0DB5023E472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11AF6589-FAD0-702D-15B4-FFAB1A2D73F0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DDD8E33E-DDF3-796F-7CA0-9AD82443E25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DA0CA49C-4B91-EBF2-A2A8-B96C284043D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9823154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65D3D2E-28C8-BD76-9EC5-D9D50BB1BBD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3BA01FEF-7BFE-F3D3-0504-94A5B13F34C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390C8E13-5FF8-7250-C51B-3D35A248C15A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937408D-8FDC-9B48-19DF-B5D05BBBA9E9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1528504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205F4FB-9007-D283-03EC-A30F18EB8687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00A92B52-C7A7-D00C-D276-1CD0A49408B4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C69248E9-AD85-B129-C4CF-347658C3F4E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AF001975-0A07-F00C-D1D6-B9990159714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14" name="Group 13">
              <a:extLst>
                <a:ext uri="{FF2B5EF4-FFF2-40B4-BE49-F238E27FC236}">
                  <a16:creationId xmlns:a16="http://schemas.microsoft.com/office/drawing/2014/main" id="{BA49FC30-3EC0-3B4F-9331-B7D54CB708D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15" name="Graphic 14">
                <a:extLst>
                  <a:ext uri="{FF2B5EF4-FFF2-40B4-BE49-F238E27FC236}">
                    <a16:creationId xmlns:a16="http://schemas.microsoft.com/office/drawing/2014/main" id="{048FD689-9F14-0C8E-B52C-35D7034D3F3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6" name="Rectangle: Rounded Corners 15">
                <a:extLst>
                  <a:ext uri="{FF2B5EF4-FFF2-40B4-BE49-F238E27FC236}">
                    <a16:creationId xmlns:a16="http://schemas.microsoft.com/office/drawing/2014/main" id="{09E5D0DC-3532-41E0-9951-776ADEAB5FA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7" name="Rectangle 16">
                <a:extLst>
                  <a:ext uri="{FF2B5EF4-FFF2-40B4-BE49-F238E27FC236}">
                    <a16:creationId xmlns:a16="http://schemas.microsoft.com/office/drawing/2014/main" id="{CF81E9DC-EEA8-B3F4-9A9C-05C4F7FF371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4A430CB7-BB0E-A84B-C8AA-B67EA6A8D65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rcRect l="2744" t="17323" r="1016" b="5730"/>
          <a:stretch/>
        </p:blipFill>
        <p:spPr>
          <a:xfrm>
            <a:off x="3499599" y="2722057"/>
            <a:ext cx="1893998" cy="468000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A26233EB-AC94-D8CC-C9AE-D4DF31F48F3F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3B0CDC72-31CF-C8F4-9803-8E277D01D69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1613142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4638898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7184145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/>
              <a:t>Click icon to add picture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1895827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0290545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7944565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_自訂版面配置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C6A3068F-3F5F-4157-B4BB-445A9B23354C}"/>
              </a:ext>
            </a:extLst>
          </p:cNvPr>
          <p:cNvSpPr txBox="1"/>
          <p:nvPr userDrawn="1"/>
        </p:nvSpPr>
        <p:spPr>
          <a:xfrm>
            <a:off x="9260306" y="6472990"/>
            <a:ext cx="2847473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zh-HK" sz="1200" dirty="0">
                <a:solidFill>
                  <a:srgbClr val="002060"/>
                </a:solidFill>
                <a:latin typeface="Verdana" pitchFamily="34" charset="0"/>
                <a:cs typeface="Arial" charset="0"/>
              </a:rPr>
              <a:t>© Pearson Education Asia Limited</a:t>
            </a:r>
            <a:endParaRPr lang="en-US" sz="1200" dirty="0"/>
          </a:p>
        </p:txBody>
      </p:sp>
    </p:spTree>
    <p:extLst>
      <p:ext uri="{BB962C8B-B14F-4D97-AF65-F5344CB8AC3E}">
        <p14:creationId xmlns:p14="http://schemas.microsoft.com/office/powerpoint/2010/main" val="422167129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280D39D5-C5DA-49FF-23BB-EC3E21E5B70A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2FFA67E4-1002-6644-E336-18B702FC7ACC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9DEA899A-3C30-9395-A8A7-780CE680FD7F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51253974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8538789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70920980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491384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9152452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030920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3317233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1031255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8/31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878FD9C6-D73E-B0C6-45A6-8664CF444017}"/>
              </a:ext>
            </a:extLst>
          </p:cNvPr>
          <p:cNvPicPr>
            <a:picLocks noChangeAspect="1"/>
          </p:cNvPicPr>
          <p:nvPr userDrawn="1"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6095407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2" r:id="rId1"/>
    <p:sldLayoutId id="2147483673" r:id="rId2"/>
    <p:sldLayoutId id="2147483661" r:id="rId3"/>
    <p:sldLayoutId id="2147483674" r:id="rId4"/>
    <p:sldLayoutId id="2147483662" r:id="rId5"/>
    <p:sldLayoutId id="2147483663" r:id="rId6"/>
    <p:sldLayoutId id="2147483664" r:id="rId7"/>
    <p:sldLayoutId id="2147483665" r:id="rId8"/>
    <p:sldLayoutId id="2147483666" r:id="rId9"/>
    <p:sldLayoutId id="2147483667" r:id="rId10"/>
    <p:sldLayoutId id="2147483668" r:id="rId11"/>
    <p:sldLayoutId id="2147483669" r:id="rId12"/>
    <p:sldLayoutId id="2147483670" r:id="rId13"/>
    <p:sldLayoutId id="2147483671" r:id="rId14"/>
    <p:sldLayoutId id="2147483675" r:id="rId1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5" Type="http://schemas.openxmlformats.org/officeDocument/2006/relationships/image" Target="../media/image10.png"/><Relationship Id="rId4" Type="http://schemas.openxmlformats.org/officeDocument/2006/relationships/image" Target="../media/image8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2.xml"/><Relationship Id="rId5" Type="http://schemas.openxmlformats.org/officeDocument/2006/relationships/image" Target="../media/image11.png"/><Relationship Id="rId4" Type="http://schemas.openxmlformats.org/officeDocument/2006/relationships/image" Target="../media/image8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5" Type="http://schemas.openxmlformats.org/officeDocument/2006/relationships/image" Target="../media/image12.png"/><Relationship Id="rId4" Type="http://schemas.openxmlformats.org/officeDocument/2006/relationships/image" Target="../media/image8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5" Type="http://schemas.openxmlformats.org/officeDocument/2006/relationships/image" Target="../media/image12.png"/><Relationship Id="rId4" Type="http://schemas.openxmlformats.org/officeDocument/2006/relationships/image" Target="../media/image8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5.xml"/><Relationship Id="rId5" Type="http://schemas.openxmlformats.org/officeDocument/2006/relationships/image" Target="../media/image12.png"/><Relationship Id="rId4" Type="http://schemas.openxmlformats.org/officeDocument/2006/relationships/image" Target="../media/image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3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Relationship Id="rId6" Type="http://schemas.openxmlformats.org/officeDocument/2006/relationships/customXml" Target="../ink/ink1.xml"/><Relationship Id="rId5" Type="http://schemas.openxmlformats.org/officeDocument/2006/relationships/image" Target="../media/image12.png"/><Relationship Id="rId4" Type="http://schemas.openxmlformats.org/officeDocument/2006/relationships/image" Target="../media/image8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7.xml"/><Relationship Id="rId5" Type="http://schemas.openxmlformats.org/officeDocument/2006/relationships/image" Target="../media/image14.png"/><Relationship Id="rId4" Type="http://schemas.openxmlformats.org/officeDocument/2006/relationships/image" Target="../media/image8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8.xml"/><Relationship Id="rId5" Type="http://schemas.openxmlformats.org/officeDocument/2006/relationships/image" Target="../media/image14.png"/><Relationship Id="rId4" Type="http://schemas.openxmlformats.org/officeDocument/2006/relationships/image" Target="../media/image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9.xml"/><Relationship Id="rId5" Type="http://schemas.openxmlformats.org/officeDocument/2006/relationships/image" Target="../media/image14.png"/><Relationship Id="rId4" Type="http://schemas.openxmlformats.org/officeDocument/2006/relationships/image" Target="../media/image8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0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.xml"/><Relationship Id="rId4" Type="http://schemas.openxmlformats.org/officeDocument/2006/relationships/image" Target="../media/image7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1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2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3.xml"/><Relationship Id="rId6" Type="http://schemas.openxmlformats.org/officeDocument/2006/relationships/image" Target="../media/image16.pn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4.xml"/><Relationship Id="rId6" Type="http://schemas.openxmlformats.org/officeDocument/2006/relationships/image" Target="../media/image16.png"/><Relationship Id="rId11" Type="http://schemas.openxmlformats.org/officeDocument/2006/relationships/image" Target="../media/image21.png"/><Relationship Id="rId5" Type="http://schemas.openxmlformats.org/officeDocument/2006/relationships/image" Target="../media/image15.png"/><Relationship Id="rId10" Type="http://schemas.openxmlformats.org/officeDocument/2006/relationships/image" Target="../media/image20.svg"/><Relationship Id="rId4" Type="http://schemas.openxmlformats.org/officeDocument/2006/relationships/image" Target="../media/image8.png"/><Relationship Id="rId9" Type="http://schemas.openxmlformats.org/officeDocument/2006/relationships/image" Target="../media/image1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5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6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jpeg"/><Relationship Id="rId3" Type="http://schemas.openxmlformats.org/officeDocument/2006/relationships/audio" Target="../media/media1.m4a"/><Relationship Id="rId7" Type="http://schemas.openxmlformats.org/officeDocument/2006/relationships/image" Target="../media/image15.png"/><Relationship Id="rId2" Type="http://schemas.microsoft.com/office/2007/relationships/media" Target="../media/media1.m4a"/><Relationship Id="rId1" Type="http://schemas.openxmlformats.org/officeDocument/2006/relationships/tags" Target="../tags/tag27.xml"/><Relationship Id="rId6" Type="http://schemas.openxmlformats.org/officeDocument/2006/relationships/image" Target="../media/image8.png"/><Relationship Id="rId11" Type="http://schemas.openxmlformats.org/officeDocument/2006/relationships/image" Target="../media/image25.svg"/><Relationship Id="rId5" Type="http://schemas.openxmlformats.org/officeDocument/2006/relationships/notesSlide" Target="../notesSlides/notesSlide26.xml"/><Relationship Id="rId10" Type="http://schemas.openxmlformats.org/officeDocument/2006/relationships/image" Target="../media/image24.png"/><Relationship Id="rId4" Type="http://schemas.openxmlformats.org/officeDocument/2006/relationships/slideLayout" Target="../slideLayouts/slideLayout5.xml"/><Relationship Id="rId9" Type="http://schemas.openxmlformats.org/officeDocument/2006/relationships/image" Target="../media/image23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8.xml"/><Relationship Id="rId6" Type="http://schemas.openxmlformats.org/officeDocument/2006/relationships/image" Target="../media/image26.jpe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9.xml"/><Relationship Id="rId6" Type="http://schemas.openxmlformats.org/officeDocument/2006/relationships/image" Target="../media/image26.jpe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0.xml"/><Relationship Id="rId6" Type="http://schemas.openxmlformats.org/officeDocument/2006/relationships/image" Target="../media/image26.jpe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.xml"/><Relationship Id="rId4" Type="http://schemas.openxmlformats.org/officeDocument/2006/relationships/image" Target="../media/image8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1.xml"/><Relationship Id="rId6" Type="http://schemas.openxmlformats.org/officeDocument/2006/relationships/image" Target="../media/image26.jpe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2.xml"/><Relationship Id="rId6" Type="http://schemas.openxmlformats.org/officeDocument/2006/relationships/image" Target="../media/image27.jpeg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3" Type="http://schemas.openxmlformats.org/officeDocument/2006/relationships/video" Target="../media/media2.mp4"/><Relationship Id="rId7" Type="http://schemas.openxmlformats.org/officeDocument/2006/relationships/image" Target="../media/image15.png"/><Relationship Id="rId2" Type="http://schemas.microsoft.com/office/2007/relationships/media" Target="../media/media2.mp4"/><Relationship Id="rId1" Type="http://schemas.openxmlformats.org/officeDocument/2006/relationships/tags" Target="../tags/tag33.xml"/><Relationship Id="rId6" Type="http://schemas.openxmlformats.org/officeDocument/2006/relationships/image" Target="../media/image8.png"/><Relationship Id="rId5" Type="http://schemas.openxmlformats.org/officeDocument/2006/relationships/notesSlide" Target="../notesSlides/notesSlide32.xml"/><Relationship Id="rId4" Type="http://schemas.openxmlformats.org/officeDocument/2006/relationships/slideLayout" Target="../slideLayouts/slideLayout5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4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5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6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7" Type="http://schemas.openxmlformats.org/officeDocument/2006/relationships/image" Target="../media/image29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7.xml"/><Relationship Id="rId6" Type="http://schemas.openxmlformats.org/officeDocument/2006/relationships/customXml" Target="../ink/ink2.xml"/><Relationship Id="rId5" Type="http://schemas.openxmlformats.org/officeDocument/2006/relationships/image" Target="../media/image15.png"/><Relationship Id="rId4" Type="http://schemas.openxmlformats.org/officeDocument/2006/relationships/image" Target="../media/image8.png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8.xml"/><Relationship Id="rId4" Type="http://schemas.openxmlformats.org/officeDocument/2006/relationships/image" Target="../media/image8.png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9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0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.xml"/><Relationship Id="rId4" Type="http://schemas.openxmlformats.org/officeDocument/2006/relationships/image" Target="../media/image8.pn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1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2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3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4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5.xml"/><Relationship Id="rId6" Type="http://schemas.openxmlformats.org/officeDocument/2006/relationships/image" Target="../media/image31.jpeg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6.xml"/><Relationship Id="rId6" Type="http://schemas.openxmlformats.org/officeDocument/2006/relationships/image" Target="../media/image31.jpeg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6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7.xml"/><Relationship Id="rId6" Type="http://schemas.openxmlformats.org/officeDocument/2006/relationships/customXml" Target="../ink/ink3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jpeg"/><Relationship Id="rId3" Type="http://schemas.openxmlformats.org/officeDocument/2006/relationships/notesSlide" Target="../notesSlides/notesSlide47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8.xml"/><Relationship Id="rId6" Type="http://schemas.openxmlformats.org/officeDocument/2006/relationships/customXml" Target="../ink/ink4.xml"/><Relationship Id="rId5" Type="http://schemas.openxmlformats.org/officeDocument/2006/relationships/image" Target="../media/image30.png"/><Relationship Id="rId4" Type="http://schemas.openxmlformats.org/officeDocument/2006/relationships/image" Target="../media/image8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8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9.xml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9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0.xml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4" Type="http://schemas.openxmlformats.org/officeDocument/2006/relationships/image" Target="../media/image8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1.xml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1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2.xml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3.xml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4.xml"/><Relationship Id="rId6" Type="http://schemas.openxmlformats.org/officeDocument/2006/relationships/image" Target="../media/image35.jpeg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5.xml"/><Relationship Id="rId6" Type="http://schemas.openxmlformats.org/officeDocument/2006/relationships/image" Target="../media/image35.jpeg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6.xml"/><Relationship Id="rId6" Type="http://schemas.openxmlformats.org/officeDocument/2006/relationships/image" Target="../media/image36.jpeg"/><Relationship Id="rId5" Type="http://schemas.openxmlformats.org/officeDocument/2006/relationships/image" Target="../media/image34.png"/><Relationship Id="rId4" Type="http://schemas.openxmlformats.org/officeDocument/2006/relationships/image" Target="../media/image8.png"/></Relationships>
</file>

<file path=ppt/slides/_rels/slide5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jpeg"/><Relationship Id="rId3" Type="http://schemas.openxmlformats.org/officeDocument/2006/relationships/notesSlide" Target="../notesSlides/notesSlide56.xml"/><Relationship Id="rId7" Type="http://schemas.openxmlformats.org/officeDocument/2006/relationships/image" Target="../media/image40.jpeg"/><Relationship Id="rId12" Type="http://schemas.openxmlformats.org/officeDocument/2006/relationships/image" Target="../media/image45.jpe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7.xml"/><Relationship Id="rId6" Type="http://schemas.openxmlformats.org/officeDocument/2006/relationships/image" Target="../media/image39.jpeg"/><Relationship Id="rId11" Type="http://schemas.openxmlformats.org/officeDocument/2006/relationships/image" Target="../media/image44.jpeg"/><Relationship Id="rId5" Type="http://schemas.openxmlformats.org/officeDocument/2006/relationships/image" Target="../media/image38.jpeg"/><Relationship Id="rId10" Type="http://schemas.openxmlformats.org/officeDocument/2006/relationships/image" Target="../media/image43.jpeg"/><Relationship Id="rId4" Type="http://schemas.openxmlformats.org/officeDocument/2006/relationships/image" Target="../media/image37.jpeg"/><Relationship Id="rId9" Type="http://schemas.openxmlformats.org/officeDocument/2006/relationships/image" Target="../media/image42.jpeg"/></Relationships>
</file>

<file path=ppt/slides/_rels/slide5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3" Type="http://schemas.openxmlformats.org/officeDocument/2006/relationships/notesSlide" Target="../notesSlides/notesSlide57.xml"/><Relationship Id="rId7" Type="http://schemas.openxmlformats.org/officeDocument/2006/relationships/image" Target="../media/image49.sv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58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46.png"/><Relationship Id="rId9" Type="http://schemas.openxmlformats.org/officeDocument/2006/relationships/image" Target="../media/image51.svg"/></Relationships>
</file>

<file path=ppt/slides/_rels/slide5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4.svg"/><Relationship Id="rId13" Type="http://schemas.openxmlformats.org/officeDocument/2006/relationships/image" Target="../media/image48.png"/><Relationship Id="rId3" Type="http://schemas.openxmlformats.org/officeDocument/2006/relationships/notesSlide" Target="../notesSlides/notesSlide58.xml"/><Relationship Id="rId7" Type="http://schemas.openxmlformats.org/officeDocument/2006/relationships/image" Target="../media/image53.png"/><Relationship Id="rId12" Type="http://schemas.openxmlformats.org/officeDocument/2006/relationships/image" Target="../media/image58.svg"/><Relationship Id="rId2" Type="http://schemas.openxmlformats.org/officeDocument/2006/relationships/slideLayout" Target="../slideLayouts/slideLayout5.xml"/><Relationship Id="rId16" Type="http://schemas.openxmlformats.org/officeDocument/2006/relationships/image" Target="../media/image51.svg"/><Relationship Id="rId1" Type="http://schemas.openxmlformats.org/officeDocument/2006/relationships/tags" Target="../tags/tag59.xml"/><Relationship Id="rId6" Type="http://schemas.openxmlformats.org/officeDocument/2006/relationships/image" Target="../media/image52.png"/><Relationship Id="rId11" Type="http://schemas.openxmlformats.org/officeDocument/2006/relationships/image" Target="../media/image57.png"/><Relationship Id="rId5" Type="http://schemas.openxmlformats.org/officeDocument/2006/relationships/image" Target="../media/image30.png"/><Relationship Id="rId15" Type="http://schemas.openxmlformats.org/officeDocument/2006/relationships/image" Target="../media/image50.png"/><Relationship Id="rId10" Type="http://schemas.openxmlformats.org/officeDocument/2006/relationships/image" Target="../media/image56.svg"/><Relationship Id="rId4" Type="http://schemas.openxmlformats.org/officeDocument/2006/relationships/image" Target="../media/image47.png"/><Relationship Id="rId9" Type="http://schemas.openxmlformats.org/officeDocument/2006/relationships/image" Target="../media/image55.png"/><Relationship Id="rId14" Type="http://schemas.openxmlformats.org/officeDocument/2006/relationships/image" Target="../media/image49.svg"/></Relationships>
</file>

<file path=ppt/slides/_rels/slide5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svg"/><Relationship Id="rId3" Type="http://schemas.openxmlformats.org/officeDocument/2006/relationships/notesSlide" Target="../notesSlides/notesSlide59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0.xml"/><Relationship Id="rId6" Type="http://schemas.openxmlformats.org/officeDocument/2006/relationships/image" Target="../media/image46.png"/><Relationship Id="rId5" Type="http://schemas.openxmlformats.org/officeDocument/2006/relationships/image" Target="../media/image47.png"/><Relationship Id="rId10" Type="http://schemas.openxmlformats.org/officeDocument/2006/relationships/image" Target="../media/image51.svg"/><Relationship Id="rId4" Type="http://schemas.openxmlformats.org/officeDocument/2006/relationships/image" Target="../media/image59.png"/><Relationship Id="rId9" Type="http://schemas.openxmlformats.org/officeDocument/2006/relationships/image" Target="../media/image5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5" Type="http://schemas.openxmlformats.org/officeDocument/2006/relationships/image" Target="../media/image8.png"/><Relationship Id="rId4" Type="http://schemas.openxmlformats.org/officeDocument/2006/relationships/image" Target="../media/image9.png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1.xml"/></Relationships>
</file>

<file path=ppt/slides/_rels/slide6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6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9.xml"/><Relationship Id="rId5" Type="http://schemas.openxmlformats.org/officeDocument/2006/relationships/image" Target="../media/image10.png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5" Type="http://schemas.openxmlformats.org/officeDocument/2006/relationships/image" Target="../media/image10.png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478D5D61-630F-47B9-8983-19F6BA3939A9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5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6E68DBC7-8A29-5C76-61CE-586A3D4377C1}"/>
              </a:ext>
            </a:extLst>
          </p:cNvPr>
          <p:cNvSpPr txBox="1"/>
          <p:nvPr/>
        </p:nvSpPr>
        <p:spPr>
          <a:xfrm>
            <a:off x="4410294" y="3715359"/>
            <a:ext cx="3371437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HK" altLang="zh-TW" sz="4800" b="1" dirty="0">
                <a:solidFill>
                  <a:srgbClr val="002060"/>
                </a:solidFill>
                <a:latin typeface="Candara" panose="020E0502030303020204" pitchFamily="34" charset="0"/>
              </a:rPr>
              <a:t>Blog entries</a:t>
            </a:r>
            <a:endParaRPr lang="zh-TW" altLang="en-US" sz="4800" b="1" dirty="0">
              <a:solidFill>
                <a:srgbClr val="002060"/>
              </a:solidFill>
              <a:latin typeface="Candara" panose="020E0502030303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7573651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AB425AF-9344-33AA-737E-EB913667C76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1C8722CD-7CA4-86EC-EF78-75D61D4972D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o visit Clara’s blog, type thi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eb address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nto the address bar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t the top of the Internet browser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7FBA402E-9B19-36D2-0149-E8CD3271DBD1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>
            <a:extLst>
              <a:ext uri="{FF2B5EF4-FFF2-40B4-BE49-F238E27FC236}">
                <a16:creationId xmlns:a16="http://schemas.microsoft.com/office/drawing/2014/main" id="{2C709867-0A2F-BCFD-0271-ABB0A47570CD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D72260FB-0D6D-B2F8-9692-8C627622F09F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D3EEC957-9613-32F9-A473-8EA4F59B0C1D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7" name="Rectangle 6">
            <a:extLst>
              <a:ext uri="{FF2B5EF4-FFF2-40B4-BE49-F238E27FC236}">
                <a16:creationId xmlns:a16="http://schemas.microsoft.com/office/drawing/2014/main" id="{8242F4F0-0989-0A9D-D819-2A93F21FBF97}"/>
              </a:ext>
            </a:extLst>
          </p:cNvPr>
          <p:cNvSpPr/>
          <p:nvPr/>
        </p:nvSpPr>
        <p:spPr>
          <a:xfrm>
            <a:off x="2743200" y="1348913"/>
            <a:ext cx="8709498" cy="5509087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0A1B271E-8365-E3D8-61DB-93C6965C300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57982" y="1467314"/>
            <a:ext cx="10076033" cy="9467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280109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775BA1D-22F1-A64C-469F-6B9F01668A8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7F4E46B9-57CB-6D7D-160B-DFF4E54FD08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Every blog has a name. What is th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am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of Clara’s blog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68C24C8-C26B-0D30-43DB-82ED281E132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0878544-3447-027C-A44E-1F44352C3D3C}"/>
              </a:ext>
            </a:extLst>
          </p:cNvPr>
          <p:cNvGrpSpPr/>
          <p:nvPr/>
        </p:nvGrpSpPr>
        <p:grpSpPr>
          <a:xfrm>
            <a:off x="6776935" y="1999519"/>
            <a:ext cx="4161386" cy="1018135"/>
            <a:chOff x="-1865517" y="2181254"/>
            <a:chExt cx="5564552" cy="1018135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7F046028-23ED-FD8B-3156-8E89175B729D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A2B60016-9D83-F585-7F49-9D2D6F3D35FE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7" name="Rectangle 6">
            <a:extLst>
              <a:ext uri="{FF2B5EF4-FFF2-40B4-BE49-F238E27FC236}">
                <a16:creationId xmlns:a16="http://schemas.microsoft.com/office/drawing/2014/main" id="{8B33CD25-B403-7CA5-DA27-F12D9CC5FD27}"/>
              </a:ext>
            </a:extLst>
          </p:cNvPr>
          <p:cNvSpPr/>
          <p:nvPr/>
        </p:nvSpPr>
        <p:spPr>
          <a:xfrm>
            <a:off x="2743200" y="1348913"/>
            <a:ext cx="8709498" cy="5509087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C3B25A55-6477-8CA7-3F8A-AA5555D7DF3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552565" y="1616875"/>
            <a:ext cx="5086871" cy="100694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614436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8AC61D4-55A8-C097-5940-95FDF6B6D0B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CF0A8CB2-2467-4E98-18C5-82D3A712DC93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th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itl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of this blog entry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EC694657-D70B-FAC5-4B5C-49F0659D3EA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34108280-9813-9420-E9C1-A62FED8E3FF0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62E56D03-5D8B-75B4-6786-7D57C247D385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9A09936A-FA56-201E-9ADF-E85B32C7D780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FEAAD4B2-139D-2EF6-864F-2D539B7F998A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51A310F9-119A-0EE5-7CC4-8FA92DC9BFB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8E729C2-950B-F2E2-AFC9-F5FB8FD962E2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9FB6D628-3E48-F972-80B0-42E9B0B9535E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AF7170DB-2669-5B16-A2B0-22ABAAC2B73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040374"/>
            <a:ext cx="5483915" cy="6574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310203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CDBDA65-3DF4-6A44-5110-F6AE02BE9C9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2BEE6489-29F1-E860-16F8-5A72815C3D8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kind of study tour did Clara join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F327F272-B7CE-FEB1-BF4A-E02128FE650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2359ABB-AA6B-2648-56E4-40C5CCECE19B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9C320F60-C9BC-9866-94B2-17C57FDB3533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C196D29C-A346-3678-315B-458CE5A538E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75674333-877D-A2FC-9ACD-2DD30B1EE6FD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5" name="圓角矩形 10">
              <a:extLst>
                <a:ext uri="{FF2B5EF4-FFF2-40B4-BE49-F238E27FC236}">
                  <a16:creationId xmlns:a16="http://schemas.microsoft.com/office/drawing/2014/main" id="{CBC1BC32-C6FF-0558-2AE2-C0E43985250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712AB403-CE18-9250-710A-2459C5512985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8" name="Rectangle 16">
            <a:extLst>
              <a:ext uri="{FF2B5EF4-FFF2-40B4-BE49-F238E27FC236}">
                <a16:creationId xmlns:a16="http://schemas.microsoft.com/office/drawing/2014/main" id="{AE5A0AC9-BB6D-B73C-E28B-D9DD1F75D7DB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04CB82FE-A70D-9479-B6BF-DEBDCAC91DA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040374"/>
            <a:ext cx="5483915" cy="6574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0782D310-4C71-569F-94BC-D8E492B92074}"/>
              </a:ext>
            </a:extLst>
          </p:cNvPr>
          <p:cNvCxnSpPr/>
          <p:nvPr/>
        </p:nvCxnSpPr>
        <p:spPr>
          <a:xfrm>
            <a:off x="4559030" y="2600527"/>
            <a:ext cx="4085617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559468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4694003-8321-7191-F41E-13A3CB8FECE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70D097C0-E86F-8F7F-E6C0-8726AF3948ED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do students do during a language study tour?</a:t>
            </a:r>
          </a:p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they learn a new language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CE6A763A-F967-A891-6126-A39F8266DB7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DBA839D4-1D84-BE2F-B356-1D6AA1D3EF9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030495E0-F256-A80A-738A-5272F39CB4D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CB947451-FFCA-1743-D1E1-9DE6C5ABB0DC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5474368E-398C-2587-B046-AC3D3E74AE00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5" name="圓角矩形 10">
              <a:extLst>
                <a:ext uri="{FF2B5EF4-FFF2-40B4-BE49-F238E27FC236}">
                  <a16:creationId xmlns:a16="http://schemas.microsoft.com/office/drawing/2014/main" id="{8C794644-B177-B252-EFA8-647733D33218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7ADEF2FD-F170-AA06-A524-6AA4E0E73E07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8" name="Rectangle 16">
            <a:extLst>
              <a:ext uri="{FF2B5EF4-FFF2-40B4-BE49-F238E27FC236}">
                <a16:creationId xmlns:a16="http://schemas.microsoft.com/office/drawing/2014/main" id="{6FE3B6AB-07C0-A296-631D-8DDFE4C9B5DC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F3456353-2D46-AC51-96C6-FFB436C859E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040374"/>
            <a:ext cx="5483915" cy="6574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CFEF50DE-3428-1059-E824-FC908608C3D2}"/>
              </a:ext>
            </a:extLst>
          </p:cNvPr>
          <p:cNvCxnSpPr/>
          <p:nvPr/>
        </p:nvCxnSpPr>
        <p:spPr>
          <a:xfrm>
            <a:off x="4559030" y="2600527"/>
            <a:ext cx="4085617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8785178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BCA1F40-F638-AF2D-723D-B8E61A9882E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66BB5BE9-73EB-B17C-8C7E-1AF5FE2CDB6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rom the title, do you think Clara enjoy the tour?</a:t>
            </a:r>
          </a:p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ich word tells you this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AC98B26-2619-9492-A800-7A0BC287778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AA178C99-53EE-ABC5-11FF-295115164445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FAA7309D-930E-E8F8-28FE-15604380A2B3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87CA49DF-56C4-4D8D-E8E1-C5A773385732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AF326F48-8D4A-FE4F-1575-4BFBF841F925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1474927-A045-8460-A5E5-E4564673008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D8D65D95-7DBE-9B9E-5C95-321C35ADF08C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10717748-FF03-D757-3685-EFBC85DABDC9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C6D35EA1-6593-140B-3B22-A898A3DDF18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040374"/>
            <a:ext cx="5483915" cy="6574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15" name="Ink 14">
                <a:extLst>
                  <a:ext uri="{FF2B5EF4-FFF2-40B4-BE49-F238E27FC236}">
                    <a16:creationId xmlns:a16="http://schemas.microsoft.com/office/drawing/2014/main" id="{96565A50-0634-3A9B-072E-B5487B584589}"/>
                  </a:ext>
                </a:extLst>
              </p14:cNvPr>
              <p14:cNvContentPartPr/>
              <p14:nvPr/>
            </p14:nvContentPartPr>
            <p14:xfrm>
              <a:off x="3560094" y="2360934"/>
              <a:ext cx="855720" cy="360"/>
            </p14:xfrm>
          </p:contentPart>
        </mc:Choice>
        <mc:Fallback>
          <p:pic>
            <p:nvPicPr>
              <p:cNvPr id="15" name="Ink 14">
                <a:extLst>
                  <a:ext uri="{FF2B5EF4-FFF2-40B4-BE49-F238E27FC236}">
                    <a16:creationId xmlns:a16="http://schemas.microsoft.com/office/drawing/2014/main" id="{96565A50-0634-3A9B-072E-B5487B584589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3470132" y="2180934"/>
                <a:ext cx="1035284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368967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8FBF027-0299-C868-263C-71194C01E8B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153CA39B-A6D8-BC17-EAB7-D495F6BEDC3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did Clara post this blog entry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8904F85-B0F5-EF12-7BCD-57917A223AC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A1A875E7-C260-8913-94D8-9B7E60758A94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B5D1F12-2DBE-FA06-B19E-72509723C4D7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97158E5F-1864-693C-4D0E-71539DBC536E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0B766F06-F65D-7380-4BCB-113AF09C8AC6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AE370520-8DD2-CE78-1D87-A3B3D92F973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E4836A3D-E800-D1C0-14F5-094F4191E611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35942C3A-C74C-B4CC-4C83-609AEE1372BF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2433F27-9A35-F3BE-7B97-FDE5AFDCF01C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563EB28C-9555-6546-995B-CD873B1B01E4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7" name="Rectangle 16">
            <a:extLst>
              <a:ext uri="{FF2B5EF4-FFF2-40B4-BE49-F238E27FC236}">
                <a16:creationId xmlns:a16="http://schemas.microsoft.com/office/drawing/2014/main" id="{DF961EB5-9519-BFF5-FCA2-D02148247707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9" name="Picture 28">
            <a:extLst>
              <a:ext uri="{FF2B5EF4-FFF2-40B4-BE49-F238E27FC236}">
                <a16:creationId xmlns:a16="http://schemas.microsoft.com/office/drawing/2014/main" id="{F0E877C5-6454-93F1-013A-D965C35B5EF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262675"/>
            <a:ext cx="5622000" cy="71801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779882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58450F1-3626-253B-0CCE-F9D75868084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D4A9C621-5F35-1D9B-884C-AAB9585AB510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a blogger posts an entry, the blogging platform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utomatically generates th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at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and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im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1A554965-AB48-C6F8-5061-BE84F2A96B4D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82FCB9D0-ECC3-6DE8-4E00-580DF495B6E9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002DDF7C-BD55-5585-28BA-F38B276CCF00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F3811DCE-8B29-954E-C831-26B2B8613F46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D4369989-89AE-0D7C-9AE5-269FA564E2F3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02F2B630-0761-74DB-65B2-BE7AC391167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3707ECB-9B7F-A75F-4CDF-DDAF80C9E658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D3E9C3DB-BF2F-F375-3962-A228597B81A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0BCCFB6E-A343-ED3E-31E5-7C58926F5D4D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D40B230C-6A20-F4D5-D2EE-72D1D719FCAA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7" name="Rectangle 16">
            <a:extLst>
              <a:ext uri="{FF2B5EF4-FFF2-40B4-BE49-F238E27FC236}">
                <a16:creationId xmlns:a16="http://schemas.microsoft.com/office/drawing/2014/main" id="{8457508B-A061-A5E3-6135-48872F2555DA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9" name="Picture 28">
            <a:extLst>
              <a:ext uri="{FF2B5EF4-FFF2-40B4-BE49-F238E27FC236}">
                <a16:creationId xmlns:a16="http://schemas.microsoft.com/office/drawing/2014/main" id="{AC34A21D-FE38-56E3-073F-AC899217946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262675"/>
            <a:ext cx="5622000" cy="71801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98102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5A97BD1-3FC3-3D1B-5F72-A9ECE74AC1E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8CFFEBF4-05D9-18DD-1BB8-0F7FBF037A12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helps readers know when the blogger created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or updated the content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F1DE9BE-C1EF-1DA0-F125-EF362D3F24E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DDEA037B-A67F-0AAA-A184-E4A3CBBABB25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987C715-FB52-AD64-AFDC-9F74F7B9B2C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E03B76DA-A8CF-3566-2F71-2BD15DE9C7E5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180802FA-E266-F243-D10C-B22D8F8CA7CC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C3CC244A-27A5-35B7-A3EF-BB6E544338D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652E562B-2E6C-FB52-8F97-8C5F057C6423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7C390017-E73F-FD24-3DBE-6EE240D9C601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E0405F07-FB41-ADA8-A9E9-C5731FABD927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60019A1B-2222-3A79-EE49-3981B3D1A84E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7" name="Rectangle 16">
            <a:extLst>
              <a:ext uri="{FF2B5EF4-FFF2-40B4-BE49-F238E27FC236}">
                <a16:creationId xmlns:a16="http://schemas.microsoft.com/office/drawing/2014/main" id="{46310576-C0E2-1972-1118-1D647DBDF3B0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9" name="Picture 28">
            <a:extLst>
              <a:ext uri="{FF2B5EF4-FFF2-40B4-BE49-F238E27FC236}">
                <a16:creationId xmlns:a16="http://schemas.microsoft.com/office/drawing/2014/main" id="{0A85961A-E0C2-7F10-C0C1-F7E61170B87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79321" y="2262675"/>
            <a:ext cx="5622000" cy="71801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041104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5C14DA4-63A7-D4A3-0FB9-364250FE158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79E4BDF6-4525-960B-FB66-D5F814C70C4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et’s read the content of the entry together.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EC4E45D9-4B03-CCB7-FC56-97BAC1BA68B1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3E7F8032-43AC-0999-DC03-E887D4C3843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EFEFDA3D-A7A7-8A86-FFF1-E2F3A5308928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59FA6742-42E4-19F5-FE7E-3657C9BE1C8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63DFE11A-6BFE-8AC9-F2E4-CBA8B2549FA2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86096CEE-6A32-A9DF-CF55-DE0531B6E762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865773D9-1F0C-BA71-9538-2C6E15818FCD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53093F80-6858-E4CB-50A6-F545CE7802DA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D7D28B41-83A1-B8D3-5D08-013E792D95D5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64E65A9E-9C66-5C73-CF1B-94F8ED7E5905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88A39227-8A9C-A975-6809-3C33BAA23682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77868652-0EDF-2290-CE12-62D0331FD81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3542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1356437B-FE48-717F-CB9A-71640345306A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16699" b="4171"/>
          <a:stretch/>
        </p:blipFill>
        <p:spPr>
          <a:xfrm>
            <a:off x="3632949" y="1381328"/>
            <a:ext cx="4926102" cy="5457217"/>
          </a:xfrm>
          <a:prstGeom prst="rect">
            <a:avLst/>
          </a:prstGeom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is Clara. She joined a study tour during summer holiday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487973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E371C39-4C6C-6A07-0B73-F82766CA15E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A2048516-6325-31D9-5DEE-E1CFDB35852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re did Clara go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92B87D2-D732-5761-609C-59D54FFCE4D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F0A27FF4-4757-353C-8EDF-5C061D478886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3A570BB5-9212-7162-9D53-EC1700C36AA6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9FB21F42-AFBC-467C-61F1-CB2405815792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EE9BE11B-B5A2-1992-67D8-51CB45D83499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ADE4FE4A-6098-AE20-85F4-5A564DD2E4FA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AB636FBB-311E-5857-4A00-DAB58EC3B0F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AA51FA53-E597-766B-1056-A9E358DF1F06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FF0A3EE8-DBCB-64E5-5492-2B6422A6365E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9A41B28-0186-2AC5-45D7-30FD77992408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A88D9BE-B3E4-C364-C348-81C9065B5321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092B3D6E-9F18-25C9-FCD5-07955B3046CE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01329519-F07A-D3E3-0890-20A63ADB5BFD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E23F7992-F04C-753C-A7B5-A90D49C50853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73DFF90A-33FB-3FC7-1C25-4D176505F38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AC193426-6C82-1953-BCFA-653FE9459314}"/>
              </a:ext>
            </a:extLst>
          </p:cNvPr>
          <p:cNvCxnSpPr>
            <a:cxnSpLocks/>
          </p:cNvCxnSpPr>
          <p:nvPr/>
        </p:nvCxnSpPr>
        <p:spPr>
          <a:xfrm>
            <a:off x="3073940" y="2931268"/>
            <a:ext cx="7812000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1E901ABB-CACE-3F65-AA56-7DD1ECD02878}"/>
              </a:ext>
            </a:extLst>
          </p:cNvPr>
          <p:cNvCxnSpPr>
            <a:cxnSpLocks/>
          </p:cNvCxnSpPr>
          <p:nvPr/>
        </p:nvCxnSpPr>
        <p:spPr>
          <a:xfrm>
            <a:off x="3073940" y="3265251"/>
            <a:ext cx="908409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1873020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294F077-8B3A-B923-16BF-1E544BD51B6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F5B22A74-961F-7933-57C7-E4703598CAF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language did she learn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CEB0FAF-2A2C-3F71-DD5C-C52E232EC912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21D6BB7E-C83B-D38F-E730-BD725113C155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F1ABD9C5-94CD-1414-BB1A-83FF447175A7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F2192AD4-0781-143E-B852-C83BA96EB164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65D4ABE4-7F7F-6740-5E56-C3A76352B64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9995BB4-533A-C4E9-904A-74BBBCBFBC25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4EAAE688-1B3F-3D59-0D9A-BB2E37AF835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28E859C7-8C0B-2872-FD03-D7931DD368FA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019FB44D-647B-C866-F457-8EB7A5240F1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F213996-E2BF-E830-F826-BE4C7AFB6503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386A4519-F762-5641-C35D-FB1BF9166521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9D8BEB1B-AC23-FFEF-0335-0B009F5597FC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914541BF-43D8-738C-3F74-945AE85C8E7E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713CF761-B587-924A-CAE8-D4670A3DF41D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454C9EDD-6869-D3E4-A4F7-8E0C90AAFE8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0F04E375-CFC4-A1AF-B4F2-73E068F8E8FE}"/>
              </a:ext>
            </a:extLst>
          </p:cNvPr>
          <p:cNvCxnSpPr>
            <a:cxnSpLocks/>
          </p:cNvCxnSpPr>
          <p:nvPr/>
        </p:nvCxnSpPr>
        <p:spPr>
          <a:xfrm>
            <a:off x="4092101" y="3268494"/>
            <a:ext cx="612194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1567102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1A2891D-04F3-7EDB-D533-D6E855969DE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CA3037A9-B27C-ED61-E604-35896A19486E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aris</a:t>
            </a:r>
            <a:r>
              <a:rPr kumimoji="0" lang="en-US" altLang="zh-HK" sz="3200" b="1" dirty="0">
                <a:solidFill>
                  <a:srgbClr val="FFC0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the capital city of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ranc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people in France speak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rench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C7E511DE-D0A4-DDFB-07CA-89407F7FC35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099B6E6B-108E-A553-D10B-CCD6610D25DB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6CF329FC-64D3-8E66-22A3-BEC5F77C8BF9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A8D340D9-F7A9-2CEC-5903-AB9B4CBBDC1A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632A461C-0001-0A84-7255-976B678BA7ED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079E5017-ABCD-CC8E-80DF-798472F8A537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E3E8B24C-966B-24EE-D01D-6DF14078D300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DE304B57-8053-F5A2-4434-26AC92962AA6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37E2A79B-F095-80AB-B1C2-3820DCED2C0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62ED70A-D1B9-17FC-BC2A-1D9C70A2068E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83B70DDE-0E54-764E-7111-470CE246BA1E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E331562-CE8A-BC2D-3836-FF28A94024C0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9ADED81B-58DF-77AE-CA1F-CADAE2129E00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EC50A139-6A45-6409-ADC7-6C91E2B0E388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2F806750-0910-1634-F6F0-22C046A6B99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39E899DD-F12F-7E1F-F955-ED1299D7DFD0}"/>
              </a:ext>
            </a:extLst>
          </p:cNvPr>
          <p:cNvCxnSpPr>
            <a:cxnSpLocks/>
          </p:cNvCxnSpPr>
          <p:nvPr/>
        </p:nvCxnSpPr>
        <p:spPr>
          <a:xfrm>
            <a:off x="4092101" y="3268494"/>
            <a:ext cx="612194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Rectangle 16">
            <a:extLst>
              <a:ext uri="{FF2B5EF4-FFF2-40B4-BE49-F238E27FC236}">
                <a16:creationId xmlns:a16="http://schemas.microsoft.com/office/drawing/2014/main" id="{23B20BF2-4FE8-A89D-0AE3-B29A60C9B237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2" name="Picture 21" descr="A map of the world with different colors of continents&#10;&#10;AI-generated content may be incorrect.">
            <a:extLst>
              <a:ext uri="{FF2B5EF4-FFF2-40B4-BE49-F238E27FC236}">
                <a16:creationId xmlns:a16="http://schemas.microsoft.com/office/drawing/2014/main" id="{353EFA27-ECB9-B963-C21E-FA936872677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135244" y="1558616"/>
            <a:ext cx="8472118" cy="49803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6" name="Graphic 25" descr="Marker with solid fill">
            <a:extLst>
              <a:ext uri="{FF2B5EF4-FFF2-40B4-BE49-F238E27FC236}">
                <a16:creationId xmlns:a16="http://schemas.microsoft.com/office/drawing/2014/main" id="{EB41FB59-A95D-E27D-EB73-C946C30B8F8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000132" y="3329726"/>
            <a:ext cx="366409" cy="36640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579453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FF453D1-750A-71A3-AD1B-1FEC6318221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BEB90D05-DA42-17AB-E994-01E5A3A9ADE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takes about 14 hours to fly from Hong Kong to Paris.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30F7927-16BE-D082-0777-7210A795334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D2F89C97-8759-BD95-D07D-61A19194D9AD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7B527D80-5C6F-7591-ABAB-49F166133A26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00C93FDA-1D7A-B4F8-7470-D7DBE8D3211C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48B9AE65-30C0-6AFA-979C-084980A9850C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2EAA4184-BFBC-9262-E918-9D869AF349A8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FDC4E728-F7D5-8527-3134-D360EEA77B7F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E6B74E02-883D-7D0E-DDB9-686E4EC5E4C4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CC7DC272-44DB-8B29-AE5B-D1F52BE9E4A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57ED777-542A-1EDB-481F-36E6F259E21B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E36F4246-FF91-06E5-578A-28ACDA31ED9D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00531D05-1D1B-1F39-31D3-E209400126A7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26D9D6B5-ADA9-9902-9C5B-BF47C1546702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FF700EBF-4BE2-99E2-AFF5-A10B2CAAF036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94CB2B7A-C71A-6111-96DC-3A26E708EAF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65189047-D2D0-395C-2D5E-B9EDF6D26821}"/>
              </a:ext>
            </a:extLst>
          </p:cNvPr>
          <p:cNvCxnSpPr>
            <a:cxnSpLocks/>
          </p:cNvCxnSpPr>
          <p:nvPr/>
        </p:nvCxnSpPr>
        <p:spPr>
          <a:xfrm>
            <a:off x="4092101" y="3268494"/>
            <a:ext cx="612194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Rectangle 16">
            <a:extLst>
              <a:ext uri="{FF2B5EF4-FFF2-40B4-BE49-F238E27FC236}">
                <a16:creationId xmlns:a16="http://schemas.microsoft.com/office/drawing/2014/main" id="{046D88D0-8D16-0465-B6F1-1646D2499A2F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5" name="Picture 24" descr="A map of the world with different colors of continents&#10;&#10;AI-generated content may be incorrect.">
            <a:extLst>
              <a:ext uri="{FF2B5EF4-FFF2-40B4-BE49-F238E27FC236}">
                <a16:creationId xmlns:a16="http://schemas.microsoft.com/office/drawing/2014/main" id="{5B012A6F-E307-C8BA-9277-5046BD1443B3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135244" y="1558616"/>
            <a:ext cx="8472118" cy="49803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9" name="Freeform: Shape 18">
            <a:extLst>
              <a:ext uri="{FF2B5EF4-FFF2-40B4-BE49-F238E27FC236}">
                <a16:creationId xmlns:a16="http://schemas.microsoft.com/office/drawing/2014/main" id="{B3D17CB8-F2B8-ACB6-4DE8-EA86DB6D0A30}"/>
              </a:ext>
            </a:extLst>
          </p:cNvPr>
          <p:cNvSpPr/>
          <p:nvPr/>
        </p:nvSpPr>
        <p:spPr>
          <a:xfrm>
            <a:off x="6186791" y="3612741"/>
            <a:ext cx="2554727" cy="695346"/>
          </a:xfrm>
          <a:custGeom>
            <a:avLst/>
            <a:gdLst>
              <a:gd name="connsiteX0" fmla="*/ 2535677 w 2535677"/>
              <a:gd name="connsiteY0" fmla="*/ 673914 h 673914"/>
              <a:gd name="connsiteX1" fmla="*/ 2081720 w 2535677"/>
              <a:gd name="connsiteY1" fmla="*/ 330204 h 673914"/>
              <a:gd name="connsiteX2" fmla="*/ 1465635 w 2535677"/>
              <a:gd name="connsiteY2" fmla="*/ 103225 h 673914"/>
              <a:gd name="connsiteX3" fmla="*/ 752273 w 2535677"/>
              <a:gd name="connsiteY3" fmla="*/ 5948 h 673914"/>
              <a:gd name="connsiteX4" fmla="*/ 0 w 2535677"/>
              <a:gd name="connsiteY4" fmla="*/ 18919 h 673914"/>
              <a:gd name="connsiteX0" fmla="*/ 2554727 w 2554727"/>
              <a:gd name="connsiteY0" fmla="*/ 695346 h 695346"/>
              <a:gd name="connsiteX1" fmla="*/ 2081720 w 2554727"/>
              <a:gd name="connsiteY1" fmla="*/ 330204 h 695346"/>
              <a:gd name="connsiteX2" fmla="*/ 1465635 w 2554727"/>
              <a:gd name="connsiteY2" fmla="*/ 103225 h 695346"/>
              <a:gd name="connsiteX3" fmla="*/ 752273 w 2554727"/>
              <a:gd name="connsiteY3" fmla="*/ 5948 h 695346"/>
              <a:gd name="connsiteX4" fmla="*/ 0 w 2554727"/>
              <a:gd name="connsiteY4" fmla="*/ 18919 h 69534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554727" h="695346">
                <a:moveTo>
                  <a:pt x="2554727" y="695346"/>
                </a:moveTo>
                <a:cubicBezTo>
                  <a:pt x="2416918" y="571048"/>
                  <a:pt x="2263235" y="428891"/>
                  <a:pt x="2081720" y="330204"/>
                </a:cubicBezTo>
                <a:cubicBezTo>
                  <a:pt x="1900205" y="231517"/>
                  <a:pt x="1687209" y="157268"/>
                  <a:pt x="1465635" y="103225"/>
                </a:cubicBezTo>
                <a:cubicBezTo>
                  <a:pt x="1244061" y="49182"/>
                  <a:pt x="996545" y="19999"/>
                  <a:pt x="752273" y="5948"/>
                </a:cubicBezTo>
                <a:cubicBezTo>
                  <a:pt x="508000" y="-8103"/>
                  <a:pt x="254000" y="5408"/>
                  <a:pt x="0" y="18919"/>
                </a:cubicBezTo>
              </a:path>
            </a:pathLst>
          </a:custGeom>
          <a:noFill/>
          <a:ln w="19050">
            <a:solidFill>
              <a:srgbClr val="92D050"/>
            </a:solidFill>
            <a:prstDash val="sysDash"/>
            <a:headEnd type="oval"/>
            <a:tailEnd type="none" w="lg" len="lg"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21" name="Graphic 20" descr="Marker with solid fill">
            <a:extLst>
              <a:ext uri="{FF2B5EF4-FFF2-40B4-BE49-F238E27FC236}">
                <a16:creationId xmlns:a16="http://schemas.microsoft.com/office/drawing/2014/main" id="{24859DCF-5A21-8C07-3F52-2219537263C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000132" y="3329726"/>
            <a:ext cx="366409" cy="36640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2" name="Graphic 21" descr="Airplane with solid fill">
            <a:extLst>
              <a:ext uri="{FF2B5EF4-FFF2-40B4-BE49-F238E27FC236}">
                <a16:creationId xmlns:a16="http://schemas.microsoft.com/office/drawing/2014/main" id="{01ECB210-FC8B-8432-7B1E-25B8FE4903D7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 rot="17096295">
            <a:off x="8556513" y="4122076"/>
            <a:ext cx="342232" cy="34223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3" name="Picture 22">
            <a:extLst>
              <a:ext uri="{FF2B5EF4-FFF2-40B4-BE49-F238E27FC236}">
                <a16:creationId xmlns:a16="http://schemas.microsoft.com/office/drawing/2014/main" id="{C2E6075B-FB32-8BC3-C7D2-20ED50078812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028551" y="3770164"/>
            <a:ext cx="840380" cy="69269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986072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44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4.07407E-6 C -0.02019 -0.02824 -0.0237 -0.03727 -0.04271 -0.05579 C -0.05469 -0.06482 -0.07305 -0.07917 -0.09297 -0.08658 C -0.11211 -0.09399 -0.13568 -0.09769 -0.15938 -0.1 C -0.18633 -0.10047 -0.18829 -0.09954 -0.2099 -0.09584 " pathEditMode="relative" rAng="0" ptsTypes="AAAAA">
                                      <p:cBhvr>
                                        <p:cTn id="15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495" y="-5000"/>
                                    </p:animMotion>
                                  </p:childTnLst>
                                </p:cTn>
                              </p:par>
                              <p:par>
                                <p:cTn id="1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-1500000">
                                      <p:cBhvr>
                                        <p:cTn id="17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8" presetID="22" presetClass="entr" presetSubtype="2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0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750"/>
                            </p:stCondLst>
                            <p:childTnLst>
                              <p:par>
                                <p:cTn id="2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CC4331B-9FBD-F14C-0F35-1047E692676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E778843E-1A51-6884-31C9-F23F3C25E94E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else did Clara do besides learning French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1E314B69-3439-57E6-269A-D1B3293164D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9E5BF6B0-92D6-48A0-0EB3-836DA5C43DA4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A10E865F-97CF-2C62-544F-CC3451603CCA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46C63B93-54D0-18C0-DE64-956834CF941A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729D60BD-4B17-AB20-A2AB-746C390CB65E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4B587545-605C-9296-7CF8-5882F9A4E4E2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9B1A9B6E-3043-53F5-0CF4-DAA0ACF68779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1A2C703E-EA7C-A45D-82EB-E5CBC238BCEA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AA8404CF-EA4A-8DCD-A38A-6C81A8A5BE4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A8C73DEB-DBFF-39D4-7867-304EAD4B06E3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223D53BF-9A38-6660-AC23-A26461A68ACD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F82D0E7F-D6A0-4116-C4AF-DC1AD80BD194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DC98E354-7D25-59D7-94A0-9EBFD974D613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15B8A39E-EB4F-5E8F-A6E2-882D5E2C12F6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5C60D9EA-6FD5-A5DA-0443-2F7698B551C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E455C2AA-EBC2-7491-295E-C2B42C519EC3}"/>
              </a:ext>
            </a:extLst>
          </p:cNvPr>
          <p:cNvCxnSpPr>
            <a:cxnSpLocks/>
          </p:cNvCxnSpPr>
          <p:nvPr/>
        </p:nvCxnSpPr>
        <p:spPr>
          <a:xfrm>
            <a:off x="3088379" y="3625175"/>
            <a:ext cx="8247587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AAA8D206-8C28-4CF6-2E0C-3CEB1A6E3901}"/>
              </a:ext>
            </a:extLst>
          </p:cNvPr>
          <p:cNvCxnSpPr>
            <a:cxnSpLocks/>
          </p:cNvCxnSpPr>
          <p:nvPr/>
        </p:nvCxnSpPr>
        <p:spPr>
          <a:xfrm>
            <a:off x="3088379" y="3959158"/>
            <a:ext cx="8364318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Straight Connector 30">
            <a:extLst>
              <a:ext uri="{FF2B5EF4-FFF2-40B4-BE49-F238E27FC236}">
                <a16:creationId xmlns:a16="http://schemas.microsoft.com/office/drawing/2014/main" id="{8BBAC5B6-BFD1-81F5-A909-7C5D60C3AD40}"/>
              </a:ext>
            </a:extLst>
          </p:cNvPr>
          <p:cNvCxnSpPr>
            <a:cxnSpLocks/>
          </p:cNvCxnSpPr>
          <p:nvPr/>
        </p:nvCxnSpPr>
        <p:spPr>
          <a:xfrm>
            <a:off x="3088379" y="4306112"/>
            <a:ext cx="199594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2349961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2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1209549-92DB-CD24-F90D-CD6272330E5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6B4DB6A7-9ACB-45BB-B37C-0302B73593D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gers can upload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hotos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to make their blog entries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more attractive.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2A2A09A-FA6D-41B2-D0A5-472061019DA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99723E53-D134-EAC5-A969-039281C6EA53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AF81D23A-47BA-83E4-8982-57F6787EBF5F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6AD91602-C881-8024-7430-BB33D3779048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76383AF6-5E6D-6AE5-1210-C171589D3C8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B863D6D8-F1EC-F94C-198F-EF8C1036565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1AB4298F-5694-DE03-DF5E-06C31D6A740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5E704718-BA76-FD7A-FC53-19A38E684F2A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CBCB2D4-7AFF-700D-41E0-3A512C5245F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EEBF7A7-54FD-DCB4-6129-2BB382EF5832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1D2BB870-975F-1299-B844-8916B7FC1875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C9AADA9E-6C73-95D8-7444-029C3F353D7A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929204F3-7D09-537A-EB38-22AB6C193FDC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D834A804-434E-8DE7-B3E2-D9EF261B2582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84033120-DEC6-B60D-7DAE-3D80F89BD17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DE820052-F6C8-59C7-7820-8B73742D5EA1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4F814171-8A97-0DFF-4DF9-44E61B5D5EEB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921A5E7C-17E3-4C32-41B1-D84FDC649854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60F2D59C-2733-D588-C5CB-023029223055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223609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FF9ED67-E5C9-C384-0247-782118CAF43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22A43D6-7BBF-D4BF-DF4D-EBB09A4EDD23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fr-FR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is the </a:t>
            </a:r>
            <a:r>
              <a:rPr kumimoji="0" lang="fr-FR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rc de Triomphe</a:t>
            </a:r>
            <a:r>
              <a:rPr kumimoji="0" lang="fr-FR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,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one of the most famous sights in </a:t>
            </a:r>
            <a:r>
              <a:rPr kumimoji="0" lang="en-US" altLang="zh-HK" sz="3200" b="1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aris.</a:t>
            </a:r>
            <a:br>
              <a:rPr kumimoji="0" lang="en-US" altLang="zh-HK" sz="3200" b="1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as built to </a:t>
            </a:r>
            <a:r>
              <a:rPr kumimoji="0" lang="en-GB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nour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soldiers who fought for France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D510F64E-A817-2F35-7079-4EFFFE6F5F23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E29BAE0E-EC19-3A73-B54B-5168455F5BFE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EEE870A5-C84A-7A1E-D49D-55875C854E6B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A44E1B27-8D6D-6F9C-84A1-8EB8233AB6D0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53876EC9-97F6-AEC8-CCF6-4B469654609F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E966D156-CCF1-ACE2-586A-67C62CA1A3DC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8C35E441-C64E-EEEC-D563-75843C61A7C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96BB9E71-D0AB-728A-46C1-B9F4F26C17EE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993AB130-78A2-9012-3026-87D5C1C49E1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FD77086-1522-11A5-80DF-E99952EE0C7B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B5FE5CE3-AAC3-C7CF-2331-E6FABE5D98A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428A25AC-8BBA-4B64-0C8C-F5AA69166E3A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133A6941-6C2C-4FB4-1EDD-66780FDEB600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7CE2954C-CA13-652D-6460-B28CF55E0D47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4F6189FC-D111-AD9E-94AF-662944E270D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3EE91BBE-2FF4-464F-4652-FA8A1755F214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69828E8D-AAD1-6B6F-9728-3EF488835783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350E86BE-BB74-9F6F-DE4F-338E461A4568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D771AF1A-8B38-01C1-7563-9C0B4E7FD981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2B7308D6-C7E9-4F34-2821-AA2446186A52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 descr="A large stone arch with a large arch and a road with cars in the background with Arc de Triomphe in the background&#10;&#10;AI-generated content may be incorrect.">
            <a:extLst>
              <a:ext uri="{FF2B5EF4-FFF2-40B4-BE49-F238E27FC236}">
                <a16:creationId xmlns:a16="http://schemas.microsoft.com/office/drawing/2014/main" id="{107D0D96-90BB-AEB2-7305-BA87F9CDB08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949820" y="1745715"/>
            <a:ext cx="6292360" cy="467787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2" name="ple3e_5a_c5_p49_tt">
            <a:hlinkClick r:id="" action="ppaction://media"/>
            <a:extLst>
              <a:ext uri="{FF2B5EF4-FFF2-40B4-BE49-F238E27FC236}">
                <a16:creationId xmlns:a16="http://schemas.microsoft.com/office/drawing/2014/main" id="{6C173578-F39B-5678-79EC-3C66958202E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1000725" y="817593"/>
            <a:ext cx="609600" cy="609600"/>
          </a:xfrm>
          <a:prstGeom prst="rect">
            <a:avLst/>
          </a:prstGeom>
        </p:spPr>
      </p:pic>
      <p:pic>
        <p:nvPicPr>
          <p:cNvPr id="27" name="Audio button">
            <a:extLst>
              <a:ext uri="{FF2B5EF4-FFF2-40B4-BE49-F238E27FC236}">
                <a16:creationId xmlns:a16="http://schemas.microsoft.com/office/drawing/2014/main" id="{A5CA53C0-5208-C1ED-FD7C-810DED9EA645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3042347" y="1830170"/>
            <a:ext cx="501151" cy="483870"/>
          </a:xfrm>
          <a:prstGeom prst="rect">
            <a:avLst/>
          </a:prstGeom>
        </p:spPr>
      </p:pic>
      <p:sp>
        <p:nvSpPr>
          <p:cNvPr id="29" name="TextBox 28">
            <a:extLst>
              <a:ext uri="{FF2B5EF4-FFF2-40B4-BE49-F238E27FC236}">
                <a16:creationId xmlns:a16="http://schemas.microsoft.com/office/drawing/2014/main" id="{6CA4D787-9145-B605-6E0C-CB77B976406D}"/>
              </a:ext>
            </a:extLst>
          </p:cNvPr>
          <p:cNvSpPr txBox="1"/>
          <p:nvPr/>
        </p:nvSpPr>
        <p:spPr>
          <a:xfrm>
            <a:off x="3598975" y="1779718"/>
            <a:ext cx="2987100" cy="584775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r>
              <a:rPr kumimoji="0" lang="fr-FR" altLang="zh-HK" sz="32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Arial Unicode MS" panose="020B0604020202020204" pitchFamily="34" charset="-120"/>
                <a:cs typeface="Arial" panose="020B0604020202020204" pitchFamily="34" charset="0"/>
              </a:rPr>
              <a:t>Arc de Triomphe</a:t>
            </a:r>
            <a:endParaRPr lang="en-GB" sz="16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857801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1.85185E-6 L -0.35794 -0.11111 " pathEditMode="relative" rAng="0" ptsTypes="AA">
                                      <p:cBhvr>
                                        <p:cTn id="17" dur="500" spd="-100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904" y="-55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2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9" dur="277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</p:childTnLst>
        </p:cTn>
      </p:par>
    </p:tnLst>
    <p:bldLst>
      <p:bldP spid="17" grpId="0" animBg="1"/>
      <p:bldP spid="29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FF9ED67-E5C9-C384-0247-782118CAF43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22A43D6-7BBF-D4BF-DF4D-EBB09A4EDD23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know this building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D510F64E-A817-2F35-7079-4EFFFE6F5F2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E29BAE0E-EC19-3A73-B54B-5168455F5BFE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EEE870A5-C84A-7A1E-D49D-55875C854E6B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A44E1B27-8D6D-6F9C-84A1-8EB8233AB6D0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53876EC9-97F6-AEC8-CCF6-4B469654609F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E966D156-CCF1-ACE2-586A-67C62CA1A3DC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8C35E441-C64E-EEEC-D563-75843C61A7C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96BB9E71-D0AB-728A-46C1-B9F4F26C17EE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993AB130-78A2-9012-3026-87D5C1C49E1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FD77086-1522-11A5-80DF-E99952EE0C7B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B5FE5CE3-AAC3-C7CF-2331-E6FABE5D98A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428A25AC-8BBA-4B64-0C8C-F5AA69166E3A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133A6941-6C2C-4FB4-1EDD-66780FDEB600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7CE2954C-CA13-652D-6460-B28CF55E0D47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4F6189FC-D111-AD9E-94AF-662944E270D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3EE91BBE-2FF4-464F-4652-FA8A1755F214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69828E8D-AAD1-6B6F-9728-3EF488835783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350E86BE-BB74-9F6F-DE4F-338E461A4568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D771AF1A-8B38-01C1-7563-9C0B4E7FD981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2B7308D6-C7E9-4F34-2821-AA2446186A52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6" name="Picture 25" descr="A tower next to a body of water&#10;&#10;AI-generated content may be incorrect.">
            <a:extLst>
              <a:ext uri="{FF2B5EF4-FFF2-40B4-BE49-F238E27FC236}">
                <a16:creationId xmlns:a16="http://schemas.microsoft.com/office/drawing/2014/main" id="{7FFC2DF2-8D69-33D5-F2B4-9AA2FB324B79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44098"/>
          <a:stretch/>
        </p:blipFill>
        <p:spPr>
          <a:xfrm>
            <a:off x="4274728" y="1737197"/>
            <a:ext cx="3642545" cy="467900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353248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4.44444E-6 L -0.39687 0.08658 " pathEditMode="relative" rAng="0" ptsTypes="AA">
                                      <p:cBhvr>
                                        <p:cTn id="17" dur="500" spd="-100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844" y="432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53ABEDE-15AA-D17C-CA6D-4F3B07D1311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BBA03918-AB56-F9E0-BE59-19A60878BA1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i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Eiffel Tower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, another famous sight in Paris.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22F2170-D252-51C4-14CD-FA7F8B828D5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CDE2BCC5-24F9-7B97-3F2D-DF195DEAEA08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3B313734-407B-0877-C9AC-D424260C6E15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745CF0B4-4394-ED00-FBA3-1B46828DA75F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C79F91A1-3EA0-0CD4-B664-13AC9C85F0DC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9154BA45-53DB-1AE8-CBF8-2DA5402C0304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1653D6DC-DFC1-08AD-452C-D46BFB46BB16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1B5F573E-F501-C503-97AE-62278E597233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79B121FA-5CAD-F89B-3E89-60FC11CD5BC8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B648FD9D-2FDA-12E7-3164-1ECB5DAB84AF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E8D01EFF-7E0E-E4C6-C653-BFA12F35ECB8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86655D8D-D51D-09F4-347D-54CC21666326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CC4A1B6-5277-A6D1-A63E-13711D449C34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AB94CD6E-4E89-92A4-2E3E-3D042C7CF9C5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9BB98991-6584-10E5-8AE8-7D91AEAF0F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A7111B68-10B6-D1AE-3D91-46931951FF9B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3C62CA01-F875-5146-DC0B-A42402C5C086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173704F2-D1A6-1B0D-F6A8-A03B1544C570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56CA669A-4F12-BB76-3E93-9E8E310008B2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726643EF-AC53-A824-1A7B-07E05F7C9930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6" name="Picture 25" descr="A tower next to a body of water&#10;&#10;AI-generated content may be incorrect.">
            <a:extLst>
              <a:ext uri="{FF2B5EF4-FFF2-40B4-BE49-F238E27FC236}">
                <a16:creationId xmlns:a16="http://schemas.microsoft.com/office/drawing/2014/main" id="{FD423E28-EA91-3813-CAD6-75F320753B4D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44098"/>
          <a:stretch/>
        </p:blipFill>
        <p:spPr>
          <a:xfrm>
            <a:off x="4274728" y="1737197"/>
            <a:ext cx="3642545" cy="467900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32764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4F2A8D1-E766-A021-B82E-8D70D29B93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7891F45C-1F02-5E44-05C2-BFD2DBF9318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was built in 1889 for a big world fair and is named 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fter the engineer Gustave Eiffel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E184320-EC50-65EF-9DD2-BBD8DCD16EF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52564ED1-F2BE-5BE2-939D-373AB5BD1500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A666CC27-6774-5754-D36A-AFCE7ACC3256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9B85FB18-545B-931B-6586-65A6142F5E3F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3097C717-5498-41D7-778B-4EE7E53E7897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FEEC7132-3599-B4D8-5BAB-B5C8FD55CB5B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693D2CF3-77A6-8C34-DB15-C2469378732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DA77439C-82F2-CB49-E720-A40C6063D943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B72DE48-0082-BD2D-94D8-2C8FE7389291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C036E947-8E6C-E0A3-8E4B-C190BB220485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754298FB-FFCB-4A83-098E-766A6494E78E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FDCFB232-B33D-8BC2-7055-ECCAF729A231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B13AA7E9-72D7-74D7-3C4E-DCFDDA7B23D1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454CA547-0A32-03BF-73AC-C2B924B947D9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4792FF52-E29F-6394-D0CB-E7E1BB97BF7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7AE8BA0F-017B-783B-49A9-DEC35FA8A053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F2F5A116-ED2C-AEC2-00DD-3887D6D3FC85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E2DAC2CA-33F4-770D-4E1E-08C95FAF9C27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D88C8912-52F5-6701-38D1-0F5FC769BBCF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4FE8C96B-31F0-8AE9-BE8D-DF6C811A6563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6" name="Picture 25" descr="A tower next to a body of water&#10;&#10;AI-generated content may be incorrect.">
            <a:extLst>
              <a:ext uri="{FF2B5EF4-FFF2-40B4-BE49-F238E27FC236}">
                <a16:creationId xmlns:a16="http://schemas.microsoft.com/office/drawing/2014/main" id="{9EDF8546-E324-F38F-3B0D-3F48572DE8CF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44098"/>
          <a:stretch/>
        </p:blipFill>
        <p:spPr>
          <a:xfrm>
            <a:off x="4274728" y="1737197"/>
            <a:ext cx="3642545" cy="467900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239354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She wrote a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 entry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bout her experience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052E60D-6C42-D9BC-600F-77EF4ACEBCE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81217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7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18CB783-6B74-642A-F710-FCEBC49DF17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88BC35C9-BABC-9312-0F6A-1792C66F261D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Gustave Eiffel’s company designed and built the tower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C4EDAF6-4650-4DFF-9FF4-4FFD95B83E2D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3E292CD6-4F10-E575-8DAE-CB45273308DF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75C7BF84-3659-FCE9-933D-E0C4AC847DD5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916844AD-B6B9-8EF1-2BB3-8F8293EAB873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258A8D0B-D00F-2864-9E81-62FC8ECCD095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83E7E29-6C2C-E1DF-495B-4809D830BC71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2163A46C-4702-3DDA-0AA1-203A3E42EB6A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FB284EC6-E553-D7E2-0690-1D2C0CF9E5BF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CFC90069-5B7F-2A68-2300-956216343118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6CB7A3A-F6D1-E986-CDC8-71A9EF2BFA1C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E79F0AA0-A888-CDDA-C336-559EDF0492A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3BEDFAF-327A-B8F7-A7A5-60C99FE3E94A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EFDA3FD5-A3C0-57F8-F304-927E15AE537E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01F6A805-B92E-9967-5934-98A6408C6CF6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DA07C39C-242A-A6EE-0D23-C4D828F431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1E2DD910-F842-9794-6CAC-DB710F87B01B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6D53C387-B6E4-667B-C375-8D2E47173BF4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8C7D5E36-ED03-3C2B-20FE-6B83759A5A82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A1836A22-4CDD-E71D-304B-D58529982530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079D8F54-7E5D-1C1F-75C6-B7FFED1634E7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6" name="Picture 25" descr="A tower next to a body of water&#10;&#10;AI-generated content may be incorrect.">
            <a:extLst>
              <a:ext uri="{FF2B5EF4-FFF2-40B4-BE49-F238E27FC236}">
                <a16:creationId xmlns:a16="http://schemas.microsoft.com/office/drawing/2014/main" id="{870C8FD5-61B4-D78A-9A29-0A192A135006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44098"/>
          <a:stretch/>
        </p:blipFill>
        <p:spPr>
          <a:xfrm>
            <a:off x="4274728" y="1737197"/>
            <a:ext cx="3642545" cy="467900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620025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6C32E6D-A4A2-B75E-E3BB-ADCF89F166C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429C0F50-B34B-0516-AEF8-285571CB2D79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rance is also famous for it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esserts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 Yum</a:t>
            </a:r>
            <a:r>
              <a:rPr kumimoji="0" lang="zh-HK" altLang="en-US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😋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!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6F4960E-9F03-C701-6BA9-A6B8B1B2CD4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F4BE5F6E-919C-D6E5-AD89-EA5CA2E2BF36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06754C58-5624-FEDE-9B0B-5C22681D7468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D3C790E-5ED9-DC80-A52D-8A93672A9D68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907BB15E-CE9E-1022-0FA5-4992E6AFC424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2A4B3EF5-B22A-3C25-ECB7-DCF4D846A698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6961FBB8-7B37-4F1E-20CE-BF5B0A95C86E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B996517A-4C40-895F-D190-C7121FB2D0D6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E3D11A35-0254-B55A-1037-F4E6E1AB916E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E0326F63-B8FA-EACC-E02F-F70AC2254D17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6A327483-0626-835A-5996-2E0492B7DD2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64013EB-4F48-BEDA-1FCC-B36CD0876198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21FF68D7-37FC-A339-168A-BCFE48004E73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EBFCB52-7806-1A07-A972-D4E017981227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5A1CD96E-AAF7-C8C3-7CAA-71E9350B8FA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778AC8B4-CA60-2DF1-A3A0-62284939B147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1D7AA55D-4AF5-F4F7-D932-523283723758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83DA034A-9883-066F-D2F3-78410B684A75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1244F54F-951D-CA6F-6DE0-6CEFE819D9E3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A47F1960-F675-B600-1008-FF7BA7373DF5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6" name="Picture 25">
            <a:extLst>
              <a:ext uri="{FF2B5EF4-FFF2-40B4-BE49-F238E27FC236}">
                <a16:creationId xmlns:a16="http://schemas.microsoft.com/office/drawing/2014/main" id="{9ED7973E-74EC-30D3-7DC5-8CC68FCA1CD3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30758" t="769" r="17449" b="-769"/>
          <a:stretch/>
        </p:blipFill>
        <p:spPr>
          <a:xfrm>
            <a:off x="4274728" y="1737197"/>
            <a:ext cx="3642545" cy="467900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566095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4.44444E-6 L -0.30846 0.08912 " pathEditMode="relative" rAng="0" ptsTypes="AA">
                                      <p:cBhvr>
                                        <p:cTn id="17" dur="500" spd="-100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5430" y="444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395FDF3-8D01-6A1C-FDF6-C35E793FC36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C855AE15-AE4C-8A8C-6471-A94A279C4658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think Paris is a beautiful city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AA09674-BCEC-0959-15B2-388F0A48198A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8272D834-2A5D-4C14-7965-A3541A2CB57E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6D987779-4D95-31AA-F814-3C75BA863860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0F543116-2F93-A672-CE6E-B9DBF935B9ED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FB26F8D-B03B-03FD-B857-547415E58F33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69EE9087-BDA0-F62F-6D26-578113493D2C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D30CA510-57F4-61B9-F0FE-A263BF3FA06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8F494D8A-D5CC-8826-0AF0-12E3E10CFD48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1521A192-28E6-EEAC-3227-E9C88012F3F3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F7B2EB9-6C14-FE33-0C1A-CD956EF0AA7D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C0F4F83-4275-FC84-07F6-EC53A09B818A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902C356E-9863-D8E2-DECB-69123B105FD1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07245953-AED3-29AB-0A2E-152F96F56E34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D6441D5-1342-317B-4EE0-E9484AA88FF6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A7531913-C754-3C08-63F7-19BC23FAEA06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322868B4-BE21-D464-6869-87F2E32A4A01}"/>
              </a:ext>
            </a:extLst>
          </p:cNvPr>
          <p:cNvGrpSpPr/>
          <p:nvPr/>
        </p:nvGrpSpPr>
        <p:grpSpPr>
          <a:xfrm>
            <a:off x="1520755" y="5047622"/>
            <a:ext cx="2966940" cy="1375966"/>
            <a:chOff x="1073283" y="3832194"/>
            <a:chExt cx="2966940" cy="137596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3" name="圓角矩形 10">
              <a:extLst>
                <a:ext uri="{FF2B5EF4-FFF2-40B4-BE49-F238E27FC236}">
                  <a16:creationId xmlns:a16="http://schemas.microsoft.com/office/drawing/2014/main" id="{4DFF2674-84EF-0979-35D7-506CAAD04C5D}"/>
                </a:ext>
              </a:extLst>
            </p:cNvPr>
            <p:cNvSpPr/>
            <p:nvPr/>
          </p:nvSpPr>
          <p:spPr>
            <a:xfrm>
              <a:off x="2196645" y="4390039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4" name="Connector: Elbow 23">
              <a:extLst>
                <a:ext uri="{FF2B5EF4-FFF2-40B4-BE49-F238E27FC236}">
                  <a16:creationId xmlns:a16="http://schemas.microsoft.com/office/drawing/2014/main" id="{CC37B0DA-0616-DCB6-B5F0-68CD4E5B747E}"/>
                </a:ext>
              </a:extLst>
            </p:cNvPr>
            <p:cNvCxnSpPr>
              <a:cxnSpLocks/>
              <a:stCxn id="23" idx="1"/>
              <a:endCxn id="25" idx="2"/>
            </p:cNvCxnSpPr>
            <p:nvPr/>
          </p:nvCxnSpPr>
          <p:spPr>
            <a:xfrm rot="10800000">
              <a:off x="1384569" y="4036374"/>
              <a:ext cx="812077" cy="762727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5" name="Rectangle 24">
              <a:extLst>
                <a:ext uri="{FF2B5EF4-FFF2-40B4-BE49-F238E27FC236}">
                  <a16:creationId xmlns:a16="http://schemas.microsoft.com/office/drawing/2014/main" id="{CA192D6F-B4EE-D5B7-A8B1-93D5E4E53A32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Rectangle 16">
            <a:extLst>
              <a:ext uri="{FF2B5EF4-FFF2-40B4-BE49-F238E27FC236}">
                <a16:creationId xmlns:a16="http://schemas.microsoft.com/office/drawing/2014/main" id="{F680C83C-2F98-6850-7795-48F9849EC479}"/>
              </a:ext>
            </a:extLst>
          </p:cNvPr>
          <p:cNvSpPr/>
          <p:nvPr/>
        </p:nvSpPr>
        <p:spPr>
          <a:xfrm>
            <a:off x="1" y="1348913"/>
            <a:ext cx="12192000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1353691" y="5502602"/>
                </a:lnTo>
                <a:cubicBezTo>
                  <a:pt x="1355853" y="5246440"/>
                  <a:pt x="1352403" y="5074585"/>
                  <a:pt x="135456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LE_3E_EBK_5A_U05_TT_v01 - AL1411073">
            <a:hlinkClick r:id="" action="ppaction://media"/>
            <a:extLst>
              <a:ext uri="{FF2B5EF4-FFF2-40B4-BE49-F238E27FC236}">
                <a16:creationId xmlns:a16="http://schemas.microsoft.com/office/drawing/2014/main" id="{ADFB1D1E-2D5B-F18E-045E-8A8768C362BE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1601821" y="1484028"/>
            <a:ext cx="9077933" cy="510633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703571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17999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17" fill="hold" display="0">
                  <p:stCondLst>
                    <p:cond delay="indefinite"/>
                  </p:stCondLst>
                </p:cTn>
                <p:tgtEl>
                  <p:spTgt spid="20"/>
                </p:tgtEl>
              </p:cMediaNode>
            </p:video>
          </p:childTnLst>
        </p:cTn>
      </p:par>
    </p:tnLst>
    <p:bldLst>
      <p:bldP spid="17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53789BA-17F1-8FA7-BF39-170FD67ABA0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548C9705-B361-76A2-BE7F-0D4CF1E1BFE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do these buttons and numbers mean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85CEA3D-0664-1901-644C-07A07F22BA0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5AB6B39E-0C5D-373C-6B48-3A4FB45E63E4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34E55F8B-0B3E-627E-8BF7-5C647F284C71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5ABB78B-BC60-3A76-FA50-3AE00F75C045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9A7FF2F6-00AB-7172-CAF6-456E2424EE9A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97244828-6ADD-4787-EDA8-B5737C666F48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F97CF011-22DF-7570-EF37-29233B61361D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BCD0C0D3-240E-8E9C-793F-65CFD6F53033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25316B99-55F6-47C0-4BCF-DAC7C670476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D4813DE-3078-07FB-DCE4-A0F3C4C734BC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A31E0CB0-DDE4-A237-99F4-AD643A25A4E0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1F1276A2-3F4D-C37A-046E-31CCFD29822A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593F79D2-33D0-E2E6-0955-E7ECEF2B7E9F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1621A7D0-9EE9-EAF6-48B8-64209FE9EEC1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36C3C059-1683-6AC5-1B23-D78FE8B4180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7" name="Oval 16">
            <a:extLst>
              <a:ext uri="{FF2B5EF4-FFF2-40B4-BE49-F238E27FC236}">
                <a16:creationId xmlns:a16="http://schemas.microsoft.com/office/drawing/2014/main" id="{F628052A-8821-4777-1069-5D5B4A9B57EE}"/>
              </a:ext>
            </a:extLst>
          </p:cNvPr>
          <p:cNvSpPr/>
          <p:nvPr/>
        </p:nvSpPr>
        <p:spPr>
          <a:xfrm>
            <a:off x="8519160" y="4328160"/>
            <a:ext cx="2499360" cy="843329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72965184-708D-1303-AA54-C42EE328638F}"/>
              </a:ext>
            </a:extLst>
          </p:cNvPr>
          <p:cNvGrpSpPr/>
          <p:nvPr/>
        </p:nvGrpSpPr>
        <p:grpSpPr>
          <a:xfrm>
            <a:off x="9011215" y="4703235"/>
            <a:ext cx="2868365" cy="1731751"/>
            <a:chOff x="1073283" y="3832194"/>
            <a:chExt cx="2868365" cy="173175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F9313025-8264-7A7A-5BFB-F8EADA7559E2}"/>
                </a:ext>
              </a:extLst>
            </p:cNvPr>
            <p:cNvSpPr/>
            <p:nvPr/>
          </p:nvSpPr>
          <p:spPr>
            <a:xfrm>
              <a:off x="1695854" y="4390039"/>
              <a:ext cx="2245794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1A6ECCDA-A0D0-5103-2397-2E81DA894A7A}"/>
                </a:ext>
              </a:extLst>
            </p:cNvPr>
            <p:cNvCxnSpPr>
              <a:cxnSpLocks/>
              <a:stCxn id="21" idx="1"/>
              <a:endCxn id="23" idx="2"/>
            </p:cNvCxnSpPr>
            <p:nvPr/>
          </p:nvCxnSpPr>
          <p:spPr>
            <a:xfrm rot="10800000">
              <a:off x="1384568" y="4036374"/>
              <a:ext cx="311286" cy="940619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3" name="Rectangle 22">
              <a:extLst>
                <a:ext uri="{FF2B5EF4-FFF2-40B4-BE49-F238E27FC236}">
                  <a16:creationId xmlns:a16="http://schemas.microsoft.com/office/drawing/2014/main" id="{FB8A9FCC-FA5A-0175-51C9-F067AA2C5498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4477388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3C157EB-0592-CC02-C4DA-3F8A6AEB1F4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5AAFC4EA-1662-B76D-5FBD-396E7437660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w many reader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iked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this blog entry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0EFE54BA-23AB-B21A-2C6E-169A995EB41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C638C073-0246-6E8D-EE90-922C6F2CB469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20BC1502-A37F-0102-4D05-901BF64F8FAE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5F99F76-8AFA-5DC5-A1DE-91AA99B4DD9C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805F3619-3D5E-F235-A715-A07A10FB0726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B6132A06-D52B-FF8E-F4C8-273BF1254C3D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6FBD7AC7-81E5-346B-72FC-C976C01AA7AD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7CF3E65F-7C2E-83C4-499B-B7442782191F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243BDFBD-42E4-51C1-4799-9144E0894B0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460FF925-8E72-61E3-1CB3-EBD8EFDA0C44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6E4D405-5998-4366-6E21-11311676197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1AAA2B9-AB3F-8862-476C-86D375BFFA42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AE2913AB-A79B-D40A-7A4F-0FCDCA3683FB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7F00A7AA-6CE6-7B87-D8DC-655A865F0D24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BF511440-E1EF-A436-6DC0-8492C4AEC31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20" name="Group 19">
            <a:extLst>
              <a:ext uri="{FF2B5EF4-FFF2-40B4-BE49-F238E27FC236}">
                <a16:creationId xmlns:a16="http://schemas.microsoft.com/office/drawing/2014/main" id="{B3766EBB-0D15-C6A9-4FD6-83F6AC0CE21E}"/>
              </a:ext>
            </a:extLst>
          </p:cNvPr>
          <p:cNvGrpSpPr/>
          <p:nvPr/>
        </p:nvGrpSpPr>
        <p:grpSpPr>
          <a:xfrm>
            <a:off x="9011215" y="4703235"/>
            <a:ext cx="2868365" cy="1731751"/>
            <a:chOff x="1073283" y="3832194"/>
            <a:chExt cx="2868365" cy="173175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0BCBE812-D0C5-56C2-1D45-BCAD803C3EC5}"/>
                </a:ext>
              </a:extLst>
            </p:cNvPr>
            <p:cNvSpPr/>
            <p:nvPr/>
          </p:nvSpPr>
          <p:spPr>
            <a:xfrm>
              <a:off x="1695854" y="4390039"/>
              <a:ext cx="2245794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F42FAB9B-490C-0FA9-E844-FE9BB5AA692F}"/>
                </a:ext>
              </a:extLst>
            </p:cNvPr>
            <p:cNvCxnSpPr>
              <a:cxnSpLocks/>
              <a:stCxn id="21" idx="1"/>
              <a:endCxn id="23" idx="2"/>
            </p:cNvCxnSpPr>
            <p:nvPr/>
          </p:nvCxnSpPr>
          <p:spPr>
            <a:xfrm rot="10800000">
              <a:off x="1384568" y="4036374"/>
              <a:ext cx="311286" cy="940619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3" name="Rectangle 22">
              <a:extLst>
                <a:ext uri="{FF2B5EF4-FFF2-40B4-BE49-F238E27FC236}">
                  <a16:creationId xmlns:a16="http://schemas.microsoft.com/office/drawing/2014/main" id="{F92BFB26-F2FD-C25E-260A-A3D230812057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7" name="Oval 16">
            <a:extLst>
              <a:ext uri="{FF2B5EF4-FFF2-40B4-BE49-F238E27FC236}">
                <a16:creationId xmlns:a16="http://schemas.microsoft.com/office/drawing/2014/main" id="{6CFBA005-B75E-2E5A-08E9-2EB283013BDD}"/>
              </a:ext>
            </a:extLst>
          </p:cNvPr>
          <p:cNvSpPr/>
          <p:nvPr/>
        </p:nvSpPr>
        <p:spPr>
          <a:xfrm>
            <a:off x="8580120" y="4427219"/>
            <a:ext cx="1053665" cy="60198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337100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684F7D5-3FC5-FF24-62E3-2104945BEA7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F61DD03-F584-AEBC-B3D5-8F9E3C17401E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w many reader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commented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on it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D7A483F9-84F1-5F25-7A62-8D10B3213C8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18DEE53F-F3B3-97EE-9A1D-D4AA6FA5479D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801B5AB1-726E-E1F1-8305-3A815D59E48D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BE3D15F9-FB08-940E-A5A9-58DF9C3749B9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127232C4-A7F7-72CB-B9A5-F951F927CEDD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BEC94E41-9378-5E23-D8C6-A82088708775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03F87A21-3508-E143-8CC3-4745DF73C68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293C473B-FDA8-251F-1C08-4EA5D4AF3FEE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802F5C2-E853-B3CB-CC78-17055E619F43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7403972-BCB7-62A7-5D62-97EAE1CA7863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1589F29-291F-2E6B-28F9-AE108C6C17D1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94CB8D4-A0CC-24BD-C7A5-EC1FBC76CB49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176EC4A9-0BA0-7C4F-AA82-D1A0A62D5269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17C58456-F37C-F483-4964-46C29E3B05E9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AA2AC878-ABE8-F2DE-52A4-60E82537A62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7" name="Oval 16">
            <a:extLst>
              <a:ext uri="{FF2B5EF4-FFF2-40B4-BE49-F238E27FC236}">
                <a16:creationId xmlns:a16="http://schemas.microsoft.com/office/drawing/2014/main" id="{0289FDB6-7B9A-44A9-1123-D7BDC4A360C1}"/>
              </a:ext>
            </a:extLst>
          </p:cNvPr>
          <p:cNvSpPr/>
          <p:nvPr/>
        </p:nvSpPr>
        <p:spPr>
          <a:xfrm>
            <a:off x="9494521" y="4427219"/>
            <a:ext cx="830580" cy="60198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A6160A7B-6028-C872-2A75-9CA50502F412}"/>
              </a:ext>
            </a:extLst>
          </p:cNvPr>
          <p:cNvGrpSpPr/>
          <p:nvPr/>
        </p:nvGrpSpPr>
        <p:grpSpPr>
          <a:xfrm>
            <a:off x="9011215" y="4703235"/>
            <a:ext cx="2868365" cy="1731751"/>
            <a:chOff x="1073283" y="3832194"/>
            <a:chExt cx="2868365" cy="173175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A144FCE8-D8A3-06C3-7FAC-E367073CC4C8}"/>
                </a:ext>
              </a:extLst>
            </p:cNvPr>
            <p:cNvSpPr/>
            <p:nvPr/>
          </p:nvSpPr>
          <p:spPr>
            <a:xfrm>
              <a:off x="1695854" y="4390039"/>
              <a:ext cx="2245794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00BB108D-5FC8-DE9D-982D-7F0C3C3F7FA0}"/>
                </a:ext>
              </a:extLst>
            </p:cNvPr>
            <p:cNvCxnSpPr>
              <a:cxnSpLocks/>
              <a:stCxn id="21" idx="1"/>
              <a:endCxn id="23" idx="2"/>
            </p:cNvCxnSpPr>
            <p:nvPr/>
          </p:nvCxnSpPr>
          <p:spPr>
            <a:xfrm rot="10800000">
              <a:off x="1384568" y="4036374"/>
              <a:ext cx="311286" cy="940619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3" name="Rectangle 22">
              <a:extLst>
                <a:ext uri="{FF2B5EF4-FFF2-40B4-BE49-F238E27FC236}">
                  <a16:creationId xmlns:a16="http://schemas.microsoft.com/office/drawing/2014/main" id="{955DDDA8-F3E9-2CC5-1A80-12F376AEF6CB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925634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2021420-B67F-1569-9B03-336DF966BE0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75F53102-3C75-18C5-C348-729ADA6B6B6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id the two readers respond to Clara’s question?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863819C-39F4-84A2-809D-27D9C92A272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407E79E9-F7AA-2E5F-5468-1563FEE30392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382149E3-8742-F808-6CBA-C18A00D6F3A5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ADB408E0-BED8-4879-F569-D951EA66DC0D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098A5218-E46D-9AEE-A66B-BF1A3A412221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826434D-4A05-6B53-E4B6-0A55DC5D5981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A687B242-F454-B15D-3713-DFC67CFD5E11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C12647FA-9E61-99A2-6580-B44FA5D4DFEC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36581642-9853-04A7-A7FE-0B6A853BBC71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10BA24CD-1491-222F-4CDC-5A89A7A5EDAA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EDCAE6DE-884B-AD60-5C90-67FB0C368280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84069109-5083-467E-6A80-AAECE219CCB2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9E67DD95-78F5-E543-CBE6-4170422A0BAD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4B24350-FF40-FE5D-05E4-A8532F1B44E4}"/>
              </a:ext>
            </a:extLst>
          </p:cNvPr>
          <p:cNvSpPr/>
          <p:nvPr/>
        </p:nvSpPr>
        <p:spPr>
          <a:xfrm>
            <a:off x="635540" y="1348913"/>
            <a:ext cx="10817157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1109" h="5509087">
                <a:moveTo>
                  <a:pt x="12811" y="0"/>
                </a:moveTo>
                <a:lnTo>
                  <a:pt x="10551109" y="0"/>
                </a:lnTo>
                <a:lnTo>
                  <a:pt x="10551109" y="5509087"/>
                </a:lnTo>
                <a:lnTo>
                  <a:pt x="859809" y="5509087"/>
                </a:lnTo>
                <a:cubicBezTo>
                  <a:pt x="861971" y="5252925"/>
                  <a:pt x="864133" y="5074585"/>
                  <a:pt x="866295" y="4818423"/>
                </a:cubicBezTo>
                <a:lnTo>
                  <a:pt x="0" y="4811937"/>
                </a:lnTo>
                <a:cubicBezTo>
                  <a:pt x="2162" y="3236060"/>
                  <a:pt x="10649" y="1575877"/>
                  <a:pt x="12811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81BA9D62-0DAE-0644-69F7-6627DD56294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411917"/>
            <a:ext cx="11083636" cy="303834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7" name="Oval 16">
            <a:extLst>
              <a:ext uri="{FF2B5EF4-FFF2-40B4-BE49-F238E27FC236}">
                <a16:creationId xmlns:a16="http://schemas.microsoft.com/office/drawing/2014/main" id="{FCD57CFA-D497-0D8D-01FF-8A5D92D589E9}"/>
              </a:ext>
            </a:extLst>
          </p:cNvPr>
          <p:cNvSpPr/>
          <p:nvPr/>
        </p:nvSpPr>
        <p:spPr>
          <a:xfrm>
            <a:off x="9494521" y="4427219"/>
            <a:ext cx="830580" cy="601981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828DF873-6EAD-B481-5BDD-1DEE783477ED}"/>
              </a:ext>
            </a:extLst>
          </p:cNvPr>
          <p:cNvGrpSpPr/>
          <p:nvPr/>
        </p:nvGrpSpPr>
        <p:grpSpPr>
          <a:xfrm>
            <a:off x="9011215" y="4703235"/>
            <a:ext cx="2868365" cy="1731751"/>
            <a:chOff x="1073283" y="3832194"/>
            <a:chExt cx="2868365" cy="173175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C873BB16-9265-CC5A-E649-7FC677D858B4}"/>
                </a:ext>
              </a:extLst>
            </p:cNvPr>
            <p:cNvSpPr/>
            <p:nvPr/>
          </p:nvSpPr>
          <p:spPr>
            <a:xfrm>
              <a:off x="1695854" y="4390039"/>
              <a:ext cx="2245794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7498D1A1-0B58-EA1B-6059-BFD3BCE91993}"/>
                </a:ext>
              </a:extLst>
            </p:cNvPr>
            <p:cNvCxnSpPr>
              <a:cxnSpLocks/>
              <a:stCxn id="21" idx="1"/>
              <a:endCxn id="23" idx="2"/>
            </p:cNvCxnSpPr>
            <p:nvPr/>
          </p:nvCxnSpPr>
          <p:spPr>
            <a:xfrm rot="10800000">
              <a:off x="1384568" y="4036374"/>
              <a:ext cx="311286" cy="940619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3" name="Rectangle 22">
              <a:extLst>
                <a:ext uri="{FF2B5EF4-FFF2-40B4-BE49-F238E27FC236}">
                  <a16:creationId xmlns:a16="http://schemas.microsoft.com/office/drawing/2014/main" id="{BE0CB00D-0E39-4882-9610-E9CA27471537}"/>
                </a:ext>
              </a:extLst>
            </p:cNvPr>
            <p:cNvSpPr/>
            <p:nvPr/>
          </p:nvSpPr>
          <p:spPr>
            <a:xfrm>
              <a:off x="1073283" y="3832194"/>
              <a:ext cx="622570" cy="204179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24" name="Ink 23">
                <a:extLst>
                  <a:ext uri="{FF2B5EF4-FFF2-40B4-BE49-F238E27FC236}">
                    <a16:creationId xmlns:a16="http://schemas.microsoft.com/office/drawing/2014/main" id="{FD1A95F0-E421-0BBD-4E4C-225E2DE656CC}"/>
                  </a:ext>
                </a:extLst>
              </p14:cNvPr>
              <p14:cNvContentPartPr/>
              <p14:nvPr/>
            </p14:nvContentPartPr>
            <p14:xfrm>
              <a:off x="5239849" y="4115949"/>
              <a:ext cx="5954400" cy="360"/>
            </p14:xfrm>
          </p:contentPart>
        </mc:Choice>
        <mc:Fallback>
          <p:pic>
            <p:nvPicPr>
              <p:cNvPr id="24" name="Ink 23">
                <a:extLst>
                  <a:ext uri="{FF2B5EF4-FFF2-40B4-BE49-F238E27FC236}">
                    <a16:creationId xmlns:a16="http://schemas.microsoft.com/office/drawing/2014/main" id="{FD1A95F0-E421-0BBD-4E4C-225E2DE656CC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5149849" y="3935949"/>
                <a:ext cx="6134040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8573273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13E00B9-C015-D970-3352-9EDD95D0985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896423C-06C1-B342-CB32-B267A348E235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et’s read their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comments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one by one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C1E53E99-9E36-1873-84A9-8290B94F4CE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1FA1F21D-D8F7-7034-DD53-A9C4E5E54004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47D71CFB-353C-62FC-3E4A-7D6912A21809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8C2C862-B34E-4F0E-51B0-8789660DCF59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72FD3E2B-3905-33E9-DC2C-00BCFD44D1F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D9612A41-FAC8-CEA0-4AD6-AB92476ADFAE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A1F9B7C2-72F5-0D95-646A-49A31A26888A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A764773D-4F07-01CD-27C2-179A3F1BFB4B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96FF6E33-35E2-DA3E-6B94-FB789748CF8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D78082E0-B3C6-0FAC-BAB4-3242B494EE19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246C5534-2763-8B81-BA9C-20BAF6EA2267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EB20373-84B3-2EBA-608E-1DB97881494D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A0D69DF7-B096-40AC-4AF9-C7B3B39BF7AC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64851186-233D-E888-1912-64CA26365269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2BDFBC79-8961-2613-551C-A13D4B9A4246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A8C47F6A-1CB6-B506-24F2-D18410BDFAF7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570E40C9-8AC3-0FDD-7702-C7938574A25F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65C1F6CF-BD4F-5B89-F797-D674B0D7FA39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1D617400-C5C0-418C-A5A2-1A3B708A264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D69ED2FD-1CE2-D251-53A0-C0C61C356347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0AC29C44-5CFE-A1A5-4117-C4280A7D3560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649DDEB8-148B-44BB-38D9-C51FE17D9831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4B571918-DF72-329D-0227-C676547A97A3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42D5CBE2-65CD-4AB1-E3C2-0E3F1E990E70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  <p:extLst>
      <p:ext uri="{BB962C8B-B14F-4D97-AF65-F5344CB8AC3E}">
        <p14:creationId xmlns:p14="http://schemas.microsoft.com/office/powerpoint/2010/main" val="8210135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951474B-9EC8-F0B5-4F5E-0C62DF9B3BF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CFCE42B8-5D10-19E0-FA70-82D24F3E449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the name of this reader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E1BF126D-1926-2391-1412-720C494DCCE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094A12A1-19E4-E49A-3D8E-59A93BBFCAE3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1EA6D37E-A6EE-E666-B645-36FF2AC7B55F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FAD81F37-9FB2-F822-A4BA-0B3B4825CA5F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95DEACB1-6174-DEF3-2D4C-0710C119A107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E82A3F5-0D66-EA25-3845-74CE9B88D60D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C2D4ACFC-8703-4D14-D4DC-C9230EB51BBC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64E3EAA0-8A7E-07E5-44DD-3990A0E8E4B7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E5D94A6-3D8D-CBF7-2124-6B99B1F25144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8F0FA07-C066-5386-231A-0533D0BDA365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648317EF-49F4-4E7A-B54E-15C55042C581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E547B2A4-4DEE-6495-3791-71B4AD575236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C417A7B-F3F8-8264-6E26-9B763BFF78C8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29929B71-8E66-D8C0-DE18-69140F85BA2E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976A2285-9C9D-719C-228C-82D58B90C0B7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0D97245C-8ACF-A7F1-6777-52060B5986DC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0E892281-878A-92C3-BBF6-3FDD4EC40D1F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E0D3B0C2-E3C1-76DF-BD76-630E4A3CF9F1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79CE29A6-5465-D543-983A-79C1A748DEF1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9FDEA66A-FD20-0A63-F7E7-637EA7B0959B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E9594505-0DE9-388C-E776-2386B45BCDB3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743EC38C-2D0D-D241-8F25-0D2D1B6B379D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33693470-7A81-4BD2-402A-C257A7D1F954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5621029C-D57D-4446-C308-18D57202A2F5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7038FED-0B29-BEC3-8FF2-BB6FB80C083D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339D5B07-7200-74BD-94A7-C28DEDC92F3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1F8B45F8-6420-8CAF-A1CD-38EA9C313C8F}"/>
              </a:ext>
            </a:extLst>
          </p:cNvPr>
          <p:cNvCxnSpPr/>
          <p:nvPr/>
        </p:nvCxnSpPr>
        <p:spPr>
          <a:xfrm>
            <a:off x="1699097" y="3249038"/>
            <a:ext cx="972000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1000810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2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222EA13-CA2F-65A6-64DB-AEA89667899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B16CC0E6-29D4-AF39-2C17-356331A93809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did he post the comment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4F53AB0-09C0-0DC6-173D-BD8ECA4FE4AD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0D60FC5E-96A8-983F-FA64-ED2408991C2E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38459871-6A6B-9955-C3B8-0CFB667E1DF0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D8A5B78-FC71-F3D3-3134-C3F3C8E073A8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3879EC79-FEE1-A4A4-EACD-C52BA046E9DB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85AA136C-BE36-A635-FCBA-48DB76844C12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F1DC303E-5F62-23EE-F6F9-2CC86B982AFF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71D79E8F-4821-D7DD-1B91-83989E7EB6D4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52CB10EE-ECEE-B0EB-DAE0-6D3E9BF809E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2BD728A-8C67-4198-0D79-383954B36B3E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D6633A12-69BA-2B27-CFBF-2BAE88E99A1B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77027606-7F42-05C1-8A70-BD8E29B4214C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284FDBFD-1953-B62D-8147-16DA28AECA4A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06231598-3BE0-7F89-8745-718B886C614A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2CDC49A7-549C-A1F6-85CE-081445AECEE9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A7254BF6-82CC-854A-0CBC-72A6C8505E09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E88DED64-6C5C-6B53-77EE-34AE54595432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F63CBD42-D7B4-5B05-8C09-F45675B5B11B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E35E3316-ECD1-EDA5-7B70-B35B840F15B3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1D0F082A-08FD-E0FC-4507-7C29A730BD1E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65B35D02-74C0-B330-FEFC-987216C4267A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2F6B85F9-DB5A-A22B-0F39-DC54919AE5FA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8DE88DB2-CF2C-E6A2-0375-7DB24F1E46BB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71DEFF9-0416-A83A-AB6D-ADB65FC58D82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8D751A6-6CF3-DDFF-ABA9-3EBEF6E60657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A1AE75CB-002E-0D80-491F-4002E4BC8B3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6E88D132-A90F-B7B4-06BF-E84C05FF1F31}"/>
              </a:ext>
            </a:extLst>
          </p:cNvPr>
          <p:cNvCxnSpPr>
            <a:cxnSpLocks/>
          </p:cNvCxnSpPr>
          <p:nvPr/>
        </p:nvCxnSpPr>
        <p:spPr>
          <a:xfrm>
            <a:off x="1688701" y="3645765"/>
            <a:ext cx="3732848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460826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8DC599B-5A12-DCB2-7336-572CAC8292E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30B6006E-EC1F-A974-2446-1CFBB0B0E8C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is like an online diary where people share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ir thoughts, ideas or stories on the Internet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BFCA633-45DB-B4BE-7E96-9C8B43D8C215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809824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5B8C04D-C823-ED9D-43C9-436E84E71FE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A2B3E73B-5FC9-8CAA-1539-474F563E3A23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a reader posts a comment, the blogging platform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utomatically generates the time and date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6D6B542-EDDA-5C64-F048-123B4EA5E59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2BA6A933-E868-C911-FD33-D0A67B950728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D2FD8C42-83DE-289C-38A2-6E07A4ECE154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54A81B61-422D-C4DF-E2E0-09864FB43B92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631394E-F7CE-8214-8CD8-0EA42377F592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B46F78E-9C95-078E-F3B0-6C7C3A6A6DB0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E8348007-2221-7BB2-D3E1-2B9FBCD31F26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D7EAE598-50CB-877A-5587-1A5725BC7EB0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3F6D4C39-FBCD-D7AD-934A-0FABF6A3670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DDB2E391-9133-DBC0-D072-9E1355AE5F8A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AA201E5D-DB2F-5FCB-69D6-C1DFBA0FE734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6608715C-9951-5F44-4814-57F1656353EE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16F94FBD-301C-254A-4ADC-44A0D247E110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21AD2CA1-A1E3-1DEB-6F82-6F8D282E4E65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A0319D9C-24A8-EC97-577C-007A33FE0CE4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E962A672-0066-41B0-0406-6E29C3F6E2A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A54EEC69-BFAC-1BFB-8A6D-35E782BC606A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8854B131-6D44-4618-37D9-809DF5A16648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B1F7564F-E72F-F53B-DC49-DF29BD593FF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DCC95792-C433-2BC4-DD89-1B68A96F7575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FD919E57-0BE7-7B1B-6CBD-80B50448BF89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C88579D8-7457-A6CA-504D-377F95AC06FB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2E18EEB8-60D0-60CA-1793-82280ECE0C9D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EE01BA45-E2E3-79C7-184D-F99869D213E3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2B12AE3C-113F-7CBB-6B40-0F2E2B5CE94A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E3193C9D-F596-9EC8-A7D6-4D61CACFA0E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F3A50CE1-F75B-6638-D31F-52FAC28DE1A2}"/>
              </a:ext>
            </a:extLst>
          </p:cNvPr>
          <p:cNvCxnSpPr>
            <a:cxnSpLocks/>
          </p:cNvCxnSpPr>
          <p:nvPr/>
        </p:nvCxnSpPr>
        <p:spPr>
          <a:xfrm>
            <a:off x="1688701" y="3645765"/>
            <a:ext cx="3732848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0317241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9E4F437-B505-6689-FE53-7A14E19F015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17F25964-1E79-0230-3398-018F3339451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re did Jospeh go for his study tour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4FF099E-EAF2-4AFE-709E-B2CCB395149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045F9C8E-042B-5EAE-4156-7F47BD12905D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5F4692F2-A452-0A5E-CDFF-E7EC3EE46DDA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C199B7A3-A725-0B81-88DF-B4A1E95FB8F7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B090B447-4C53-8B43-723F-E580C6AFC81D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B77EC3DE-6F5B-0EC4-919C-260307E454E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DF67DA08-2D51-89B1-DC19-78218A7844CA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B3406E24-5D48-D2A1-3952-795F9C145F8B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8DF0DFDF-A850-7CD3-94E4-45D5E5627D0B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26B39045-0952-661D-2002-A8243E8B1BEF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5850567D-CBCB-4F33-528E-7C471030FC33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CFD4EEB-E412-2983-E1DB-1D49972768E4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FEB2135A-3240-501C-F9A9-7ED53919FF45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4ED4CE1B-2227-AC6D-FAF2-0105D0D939D7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09B4A890-592D-35E6-4F3E-1939054A7DE8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50DBE695-731B-FC9E-00A2-43292D33D6AE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B2163327-270D-331B-6009-71869CA6C292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C5A065B8-C97C-5AAB-C0CF-64CC38C03750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901491D7-D8FC-C96F-9A61-757D60AEBC5A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010CF465-777C-7B24-1633-1D9D43C6E076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C3D185A0-E1CC-70C6-2FC7-8423229437D0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9F2D44BC-89E0-5068-4C3B-BBADFE17A1D7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E66BBE17-482D-D7E6-6F77-31A16F556CB1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674A3344-3345-D218-7BA5-B2B3FE05A471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ECA3961E-D4E7-631D-81A3-CE3C0383889E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0A865119-7FA3-5256-41AE-30CD22A6AAC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0CEC37A7-3D82-8D45-F332-0F3F60841D99}"/>
              </a:ext>
            </a:extLst>
          </p:cNvPr>
          <p:cNvCxnSpPr>
            <a:cxnSpLocks/>
          </p:cNvCxnSpPr>
          <p:nvPr/>
        </p:nvCxnSpPr>
        <p:spPr>
          <a:xfrm>
            <a:off x="1681111" y="4066162"/>
            <a:ext cx="7138051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40A38786-CAED-7CFF-E2E8-655A67AC82F5}"/>
              </a:ext>
            </a:extLst>
          </p:cNvPr>
          <p:cNvCxnSpPr>
            <a:cxnSpLocks/>
          </p:cNvCxnSpPr>
          <p:nvPr/>
        </p:nvCxnSpPr>
        <p:spPr>
          <a:xfrm>
            <a:off x="1681111" y="4419601"/>
            <a:ext cx="129502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0271919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D737507-43C9-3361-BC93-31D990F004D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62A7121-B8C1-21AD-581F-F537C3B46880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ondon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is the capital city of th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UK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King of the UK lives there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0992651D-3D5F-A944-E024-FCE5B0A6BCF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8C2C88BD-FA0F-D216-B148-CB810DC88D08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093C0B48-390C-0F0C-907E-6CFC7121054E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3A945E3-9E12-A455-9DC9-B5B1233DC60A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B1A488F2-2F8C-1E49-079A-773D8DA04624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03D033C-5C1F-BD80-72AC-8AC5E8AE3574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14393739-2C3A-3C16-F328-850DABEB9248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3260767B-939A-1779-FB5B-226A798B341F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E113BC4F-0A0C-47EF-362C-27523A8D1F60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7580BEB-171E-853E-B8AB-CE3DA0E6AC26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53A9B99B-8035-9A2F-98EA-B3285409884C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9FF30A65-620E-FB03-26A8-1F442D81A036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E88F2B93-1BFE-A64C-2F38-67EA63B21BAD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BAF5351C-EDE9-FCF1-BB55-1FA46FDE60F7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DA0EA745-BB02-8C6F-D44C-12DC6E8C713A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B1EBE73F-FAED-492B-7C97-B3F24621D251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06DFDB4E-71C0-E3F4-2B27-F98282AFC555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1EB23210-8DB8-6BB0-F74E-450A5F670EF2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E9558040-B6F7-3613-0999-7304446F05E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252C446F-39A2-7552-77E2-A61800E609AB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EAD37BFE-D60D-F925-4A4C-966CDB2C25B7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458060C9-B107-DB2C-F944-760B4A7FE6BB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2B0DAC26-86DE-D39C-760D-8B5927B407D3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FBC0AD49-82D1-7A26-2B1A-46DDDB7478FC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3B8B556E-5C13-9479-81B6-22AE3FCD2168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5E2E40F3-4C8D-5EF8-155F-961B3D4BE0B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9C63A56D-402D-E95A-58AC-EEBFEF2074F7}"/>
              </a:ext>
            </a:extLst>
          </p:cNvPr>
          <p:cNvCxnSpPr>
            <a:cxnSpLocks/>
          </p:cNvCxnSpPr>
          <p:nvPr/>
        </p:nvCxnSpPr>
        <p:spPr>
          <a:xfrm>
            <a:off x="1681111" y="4066162"/>
            <a:ext cx="7138051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B8FB6770-A46F-2FEE-BB0A-E9718154D49E}"/>
              </a:ext>
            </a:extLst>
          </p:cNvPr>
          <p:cNvCxnSpPr>
            <a:cxnSpLocks/>
          </p:cNvCxnSpPr>
          <p:nvPr/>
        </p:nvCxnSpPr>
        <p:spPr>
          <a:xfrm>
            <a:off x="1681111" y="4419601"/>
            <a:ext cx="129502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7817597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E2CC316-EB26-B1FA-78BF-F1AAD3E1F7F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D0A091E-B097-49A3-F49C-2FA2BD5C38E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did Jospeh do in London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ABF8511-8BA2-45AF-1C0A-93A76A2769E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728ECB27-7399-4FFA-B730-908C82455BCA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B9833895-2CBC-F9F1-C0F5-0C877DAB39FF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C668F58-3B1E-2184-5B02-725851AB74E9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79199EC2-C549-4A60-7AC1-AAB6CD6204B1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C5B8FC63-953F-31DA-1982-FCA2CB7F38DA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22E36FFA-4468-BA3E-2370-930645F8F3AC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F7127265-1155-E28D-5184-773703FDA070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64619AD-CE86-8930-E374-33C6B01B9639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2658E237-8C75-7B8A-F1AE-FF117E1DD1DC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6F255E1C-FEEE-6841-1F2D-08EE3B9BAE37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AE6ABC0-5741-2CA3-BDA1-8D28387D82B0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9D1E8CE2-9DC9-8338-2432-F17AA59A97C4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7E929086-8DB7-AAE6-7036-27CA2278385D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9CE477EC-34C2-3BF8-5660-377B1E9AA04F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FB99CE38-B291-FE3F-A430-3C928088B66B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CC7F0A95-E1AA-AD02-22F9-E558F9F659AE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7120FACB-5B7B-8E6B-6C49-C940E55CC7F8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8D9D8F46-3EB5-19ED-B7EE-7F2B04C4BD1E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F1224FBA-BE13-6644-ED85-2237BA1ED5BC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618A74C2-8FB0-F838-AA5A-C32E4E40455B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7C293F26-16D1-4B7A-6C20-3F681DBD58AD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A73B5C70-7594-DE1A-6512-457882BCADCD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6E4FBF69-7C4D-1AB0-4603-2C8AFE353F27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AFF37194-3DD1-EAE7-D3DB-5B0E02870F5B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06F9CDC6-4F88-1B28-885F-6C68C8D3B7D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6A7B1E0D-410B-8715-7106-FAF11E66EB2B}"/>
              </a:ext>
            </a:extLst>
          </p:cNvPr>
          <p:cNvCxnSpPr>
            <a:cxnSpLocks/>
          </p:cNvCxnSpPr>
          <p:nvPr/>
        </p:nvCxnSpPr>
        <p:spPr>
          <a:xfrm>
            <a:off x="3068923" y="4419601"/>
            <a:ext cx="683383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FD1A5091-15DD-C6F5-EB76-8B45008E2B82}"/>
              </a:ext>
            </a:extLst>
          </p:cNvPr>
          <p:cNvCxnSpPr>
            <a:cxnSpLocks/>
          </p:cNvCxnSpPr>
          <p:nvPr/>
        </p:nvCxnSpPr>
        <p:spPr>
          <a:xfrm>
            <a:off x="1687127" y="4756827"/>
            <a:ext cx="7735733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21CD490C-275C-92FB-65F0-C1B908AE7C1B}"/>
              </a:ext>
            </a:extLst>
          </p:cNvPr>
          <p:cNvCxnSpPr>
            <a:cxnSpLocks/>
          </p:cNvCxnSpPr>
          <p:nvPr/>
        </p:nvCxnSpPr>
        <p:spPr>
          <a:xfrm>
            <a:off x="1687127" y="5104776"/>
            <a:ext cx="355932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6617625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2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0D0DDAC-4DBC-08CC-96EB-6BDCE3193FB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4312A5B1-8AA0-D3A6-F5F9-738F63B3C8CF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know what this clock tower is call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90BB8D-02B3-8C6E-B57F-401B4C0D680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23EFE51D-37C1-BD54-3B77-7F169CFA4554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A812FD83-0404-5BEC-97E4-D25D847AA152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BCAC7564-CA9E-4AA9-7F79-899439A23248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A9C8396E-0637-2057-9843-03BB2723C11D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9DA77192-CCE4-93D2-7C8C-C7EF83F546F0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4339ED89-5C90-D757-84BA-1061C46D7B5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9B3FA714-76C9-397E-F0C6-D28A98572C53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FCDC97D7-9D9A-38AF-7EC3-AEF11E20BF8F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0BA2E20-CE2E-5B0F-ACE6-E270AB7B3BA2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576EBC95-3324-E149-39CB-BD043A5F8DD7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EFB726E0-CDA5-59D0-5E08-2F0AB5CB033E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5DC4885-DE25-631D-9EA6-E7F4B7169E20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BA633B37-D54D-6178-2F89-C9D51553771D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9F21F037-5375-B242-F50C-AB67958FB150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080D8E67-273B-6DDC-5A40-2E23597E18AA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4481938D-3985-4D1F-4E97-F71E0E434D66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CAF1CBF5-A1AE-2C00-6915-2AADB44C8409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61C84390-14A9-3C58-A3C4-40A32C51ACF3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9E7AADC1-7FF0-C9AC-CA0C-B176B2DC912F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236B4173-C5EC-0FFF-0A64-B842E9E41167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A64C9CE4-6458-ADB2-5B5B-F629A4FC0E90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F2572703-B213-D997-85CD-D085A4FC7516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F9A648AB-65EC-8C97-2E4E-626687BC9A43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E0DB1E05-2562-9A0D-631B-5ECFF6D67DD1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CD010F19-1D88-9CBC-EDC2-B1D97EC7349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46454E28-48DF-434B-F3BC-789CBA2DDD82}"/>
              </a:ext>
            </a:extLst>
          </p:cNvPr>
          <p:cNvCxnSpPr>
            <a:cxnSpLocks/>
          </p:cNvCxnSpPr>
          <p:nvPr/>
        </p:nvCxnSpPr>
        <p:spPr>
          <a:xfrm>
            <a:off x="3068923" y="4419601"/>
            <a:ext cx="683383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FFEF1323-BD8A-79EE-E86F-12F773EC86C9}"/>
              </a:ext>
            </a:extLst>
          </p:cNvPr>
          <p:cNvCxnSpPr>
            <a:cxnSpLocks/>
          </p:cNvCxnSpPr>
          <p:nvPr/>
        </p:nvCxnSpPr>
        <p:spPr>
          <a:xfrm>
            <a:off x="1687127" y="4756827"/>
            <a:ext cx="7735733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07C9BB88-CB9D-89DD-4AB2-066592E6BC96}"/>
              </a:ext>
            </a:extLst>
          </p:cNvPr>
          <p:cNvCxnSpPr>
            <a:cxnSpLocks/>
          </p:cNvCxnSpPr>
          <p:nvPr/>
        </p:nvCxnSpPr>
        <p:spPr>
          <a:xfrm>
            <a:off x="1687127" y="5104776"/>
            <a:ext cx="355932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ctangle 16">
            <a:extLst>
              <a:ext uri="{FF2B5EF4-FFF2-40B4-BE49-F238E27FC236}">
                <a16:creationId xmlns:a16="http://schemas.microsoft.com/office/drawing/2014/main" id="{8AA9C6D1-6E0B-2C5A-0380-011054E2115C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4" name="Picture 23" descr="A red bus on the road&#10;&#10;AI-generated content may be incorrect.">
            <a:extLst>
              <a:ext uri="{FF2B5EF4-FFF2-40B4-BE49-F238E27FC236}">
                <a16:creationId xmlns:a16="http://schemas.microsoft.com/office/drawing/2014/main" id="{1CB5B422-959B-DA18-7634-8CD6F32E875C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831525" y="1615083"/>
            <a:ext cx="2528950" cy="49661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176917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5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3.7037E-6 L 0.37878 -3.7037E-6 " pathEditMode="relative" rAng="0" ptsTypes="AA">
                                      <p:cBhvr>
                                        <p:cTn id="14" dur="500" spd="-100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932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AA2E908-4B75-C5D6-541F-1AAE86A549C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1B17187C-1789-9FAA-8278-9AE1F8106CEE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clock tower is called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ig Ben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’s a cultural symbol of the UK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0747086-4692-5821-5486-F59F94DE280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BF2665F7-D735-D074-D104-5306499D9563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A352F1F9-39B2-96EA-BE93-9294EAFB3B82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910B88F-78D7-6A6E-7AB1-EA733C387F82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B9A8154D-ECCA-CF7E-70B0-DC0FE0295117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6072E3B-C4E8-1875-87CB-C6875CCDD56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683D0C8D-5D69-E26A-B7C5-D158FF392D58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E48AF8A1-CC75-33B6-0CE8-AAED0469D959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3E5C4FAE-D7FE-5246-C6FC-B552CACDB2C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3DCCC949-6865-E0B2-984C-FD9701B19FBE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7D7822A2-C008-EF13-4B73-CF2AA188692C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3248D048-1EA3-0840-794C-373FD7617340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51FDDC07-1F6D-E0DD-B12A-5C1DFD537CC9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829AE90B-0340-4E14-4659-01E2DA615DD9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2DBA307B-3974-3B26-1D6E-6641A8EB8C08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23B5ED88-E86C-FAFF-577C-C8550D210E5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D43FB589-CFF6-FB2F-882F-4C6D24C55C24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3C4F9D55-4DDA-27C8-38A8-4AE6230CF942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6271188C-3BA4-A8DD-1B8F-352E57531309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5A283C87-278C-BA8E-8D34-0FFB51B5A4A5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3C4C871B-EDD7-A521-B480-74030AEC26D4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44567958-0E0B-E10F-922B-1DCD84E8DC7C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EA2B115D-AE55-EBCC-50AB-3672E35EC333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754F6819-FC2B-E269-6E7A-E2024AE1A5EC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ADF0C26F-DA91-8783-375E-139B09158B5D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4D6BCC24-8F24-5343-3F65-AD5075450AA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17B9BCA2-B5B5-48BB-9264-555FCB4BEE6C}"/>
              </a:ext>
            </a:extLst>
          </p:cNvPr>
          <p:cNvCxnSpPr>
            <a:cxnSpLocks/>
          </p:cNvCxnSpPr>
          <p:nvPr/>
        </p:nvCxnSpPr>
        <p:spPr>
          <a:xfrm>
            <a:off x="3068923" y="4419601"/>
            <a:ext cx="683383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7A2AC261-8D63-0979-0B6A-4341D7487A8C}"/>
              </a:ext>
            </a:extLst>
          </p:cNvPr>
          <p:cNvCxnSpPr>
            <a:cxnSpLocks/>
          </p:cNvCxnSpPr>
          <p:nvPr/>
        </p:nvCxnSpPr>
        <p:spPr>
          <a:xfrm>
            <a:off x="1687127" y="4756827"/>
            <a:ext cx="7735733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1116982F-9014-7416-FB16-60C0CFC53DE5}"/>
              </a:ext>
            </a:extLst>
          </p:cNvPr>
          <p:cNvCxnSpPr>
            <a:cxnSpLocks/>
          </p:cNvCxnSpPr>
          <p:nvPr/>
        </p:nvCxnSpPr>
        <p:spPr>
          <a:xfrm>
            <a:off x="1687127" y="5104776"/>
            <a:ext cx="3559324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ctangle 16">
            <a:extLst>
              <a:ext uri="{FF2B5EF4-FFF2-40B4-BE49-F238E27FC236}">
                <a16:creationId xmlns:a16="http://schemas.microsoft.com/office/drawing/2014/main" id="{F4AA175C-FCED-32C4-97B2-B4CD09F3222B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4" name="Picture 23" descr="A red bus on the road&#10;&#10;AI-generated content may be incorrect.">
            <a:extLst>
              <a:ext uri="{FF2B5EF4-FFF2-40B4-BE49-F238E27FC236}">
                <a16:creationId xmlns:a16="http://schemas.microsoft.com/office/drawing/2014/main" id="{EB7A0792-DF51-877C-D93A-B56BD9E8E6B9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831525" y="1615083"/>
            <a:ext cx="2528950" cy="49661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06351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37BA28-B4A5-61B7-4C7D-4371B0E434F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21893D78-D83B-A51F-7E6F-511A4D36B458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ave you tried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ish and chips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efore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AB2ACEB1-E02F-5D26-6B69-89BB0BE603A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696FBB34-4869-AB22-E9E1-2A788066C757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8BA352A8-A30D-9D7A-2AF8-BFF3427D586E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92484DA6-4686-23D3-8356-507E1CC98563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1262406C-ED19-4D57-205D-156EAC75EFF6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062D206-D6F1-31CD-DCC1-F869CC777175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15339A65-380B-113E-28E0-3FA5FD56D5BD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18054E6E-CA32-BBAB-85C8-B43695A5DDFA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24CBE8DD-4562-9D5C-C5F0-7C02A7980B4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DB62CA84-0D9C-6555-6C14-8E0AB2619D98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96526515-CF8A-1425-54B6-3019AD76645A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C638641B-5558-9F9D-1213-2E8E88C07734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3748D37-1AC5-E893-A974-A83D7B073F68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45739DAA-BB80-6C0C-DE03-2F8DDCFAC2C0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534168AD-5DEB-6456-38A2-FDA33D02135A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68962E1D-D5EA-4AFF-3C1F-3DFFDCD579DA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F2455115-21C2-92BA-2AAD-CE4CAAA3C96E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E979C10C-4CD1-4253-EF5D-0DF3080BAD0A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CA9E2315-A4FB-CCFD-3CD5-4AB87AB20EA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AF76C72C-952C-95EE-5C7C-0AD0D03EB0A1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CF110743-2781-A3B1-54D9-582A37A6C5C7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360C8568-10D6-0BE7-60AC-16C599B07433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CC768EAC-159D-A777-EF68-1EAF19561A9A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3B3EE86-311E-82CF-DC4F-32EBCAC47764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63096DDF-CB38-7E58-55F3-11264A783B4A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90E962E0-66B8-BB7B-2ED0-C33EE517588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25" name="Ink 24">
                <a:extLst>
                  <a:ext uri="{FF2B5EF4-FFF2-40B4-BE49-F238E27FC236}">
                    <a16:creationId xmlns:a16="http://schemas.microsoft.com/office/drawing/2014/main" id="{085877A3-B601-B4E1-6658-FFC1E3B3A4B9}"/>
                  </a:ext>
                </a:extLst>
              </p14:cNvPr>
              <p14:cNvContentPartPr/>
              <p14:nvPr/>
            </p14:nvContentPartPr>
            <p14:xfrm>
              <a:off x="2522569" y="4909029"/>
              <a:ext cx="2040120" cy="360"/>
            </p14:xfrm>
          </p:contentPart>
        </mc:Choice>
        <mc:Fallback>
          <p:pic>
            <p:nvPicPr>
              <p:cNvPr id="25" name="Ink 24">
                <a:extLst>
                  <a:ext uri="{FF2B5EF4-FFF2-40B4-BE49-F238E27FC236}">
                    <a16:creationId xmlns:a16="http://schemas.microsoft.com/office/drawing/2014/main" id="{085877A3-B601-B4E1-6658-FFC1E3B3A4B9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2432569" y="4729029"/>
                <a:ext cx="2219760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0706427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2870088-2D2A-9E1F-62C2-45C960E9CE5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6C55751-C11B-D5C2-30C6-AB7773B821BC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’s one of the most famous English dishes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BACE84D-10AC-5232-217A-0FAB3DF4EBE5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794B568B-F936-9702-AB3D-4A067A2CD6FE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0DC74C4D-5869-0390-92FE-F8C539C3C85A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C27096DA-9840-4DA4-93E0-5902FB472ED7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23614CC5-53D9-950B-6C7F-F705A5D98D99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15A07D4B-71E8-A9C1-74F2-BD68D1112E67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455AFE82-B0EE-48A1-4086-EBD22C2F4B59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32F84DEE-8771-D8DE-1501-F39304DE2F72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51B1E3AE-E463-2AE2-A6CD-215C3303537A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F22EEA29-6FDF-39AF-724B-11FA73BF428A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8807B71C-12F6-9250-AD0E-4D2172451A6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EDD6305F-B32E-1DF6-3F15-5F52D339D614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8BBDD863-1383-C95F-10E2-E60517A60603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0262964E-ACBF-2E0A-94B7-0FAB05CC8D2F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1E848096-492E-6F8D-4792-75772E29CCB4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C26CC958-E809-74EC-EBB9-FAAB87C2268C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B9E6F273-6BEE-B956-8E7E-FF2244CCC91A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70EFDEC6-6F9F-5F0B-E579-B13EB4689870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25A45FE3-EC06-5A0D-72B7-24F12E26B55D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4D99316F-0B9D-63A6-59FB-C6DFC0104E8B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D01EB609-A2A3-679B-5641-BB87AA043278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C5DB4ABB-A15B-3F81-BA4D-BE0E4CFF2458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51589FD8-D01C-3E11-0002-4855F4A0DC17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A5D492B0-DC6B-D91E-ED64-F51DD2CF431C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ABC4D4D5-28F6-3FD6-170C-FD142BAD0F92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1860D8C0-DBCA-AAE3-8557-CD986F1E3C6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0939" y="2315061"/>
            <a:ext cx="11083636" cy="289108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25" name="Ink 24">
                <a:extLst>
                  <a:ext uri="{FF2B5EF4-FFF2-40B4-BE49-F238E27FC236}">
                    <a16:creationId xmlns:a16="http://schemas.microsoft.com/office/drawing/2014/main" id="{10D678E9-4AC1-A022-70A1-8D46C2A1CAD8}"/>
                  </a:ext>
                </a:extLst>
              </p14:cNvPr>
              <p14:cNvContentPartPr/>
              <p14:nvPr/>
            </p14:nvContentPartPr>
            <p14:xfrm>
              <a:off x="2522569" y="4909029"/>
              <a:ext cx="2040120" cy="360"/>
            </p14:xfrm>
          </p:contentPart>
        </mc:Choice>
        <mc:Fallback>
          <p:pic>
            <p:nvPicPr>
              <p:cNvPr id="25" name="Ink 24">
                <a:extLst>
                  <a:ext uri="{FF2B5EF4-FFF2-40B4-BE49-F238E27FC236}">
                    <a16:creationId xmlns:a16="http://schemas.microsoft.com/office/drawing/2014/main" id="{10D678E9-4AC1-A022-70A1-8D46C2A1CAD8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2432569" y="4729029"/>
                <a:ext cx="2219760" cy="360000"/>
              </a:xfrm>
              <a:prstGeom prst="rect">
                <a:avLst/>
              </a:prstGeom>
            </p:spPr>
          </p:pic>
        </mc:Fallback>
      </mc:AlternateContent>
      <p:sp>
        <p:nvSpPr>
          <p:cNvPr id="17" name="Rectangle 16">
            <a:extLst>
              <a:ext uri="{FF2B5EF4-FFF2-40B4-BE49-F238E27FC236}">
                <a16:creationId xmlns:a16="http://schemas.microsoft.com/office/drawing/2014/main" id="{D8656E57-710C-2955-986D-A5E4A45D5477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 descr="A plate of food with lemon wedges and sauce&#10;&#10;AI-generated content may be incorrect.">
            <a:extLst>
              <a:ext uri="{FF2B5EF4-FFF2-40B4-BE49-F238E27FC236}">
                <a16:creationId xmlns:a16="http://schemas.microsoft.com/office/drawing/2014/main" id="{CBA435ED-F460-5458-3F8F-597D29F3C19A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l="9324" t="8983" r="9324" b="5248"/>
          <a:stretch/>
        </p:blipFill>
        <p:spPr>
          <a:xfrm>
            <a:off x="3678106" y="2304139"/>
            <a:ext cx="4896268" cy="3443173"/>
          </a:xfrm>
          <a:prstGeom prst="ellipse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19" name="Group 18">
            <a:extLst>
              <a:ext uri="{FF2B5EF4-FFF2-40B4-BE49-F238E27FC236}">
                <a16:creationId xmlns:a16="http://schemas.microsoft.com/office/drawing/2014/main" id="{4F996890-97C6-ACE7-2C85-2929D0D4B38A}"/>
              </a:ext>
            </a:extLst>
          </p:cNvPr>
          <p:cNvGrpSpPr/>
          <p:nvPr/>
        </p:nvGrpSpPr>
        <p:grpSpPr>
          <a:xfrm>
            <a:off x="2113355" y="2176521"/>
            <a:ext cx="3212561" cy="1158041"/>
            <a:chOff x="2124682" y="2823814"/>
            <a:chExt cx="3212561" cy="1158041"/>
          </a:xfrm>
        </p:grpSpPr>
        <p:sp>
          <p:nvSpPr>
            <p:cNvPr id="23" name="Freeform: Shape 22">
              <a:extLst>
                <a:ext uri="{FF2B5EF4-FFF2-40B4-BE49-F238E27FC236}">
                  <a16:creationId xmlns:a16="http://schemas.microsoft.com/office/drawing/2014/main" id="{B7D8706A-0311-A072-9185-2DD2D9809230}"/>
                </a:ext>
              </a:extLst>
            </p:cNvPr>
            <p:cNvSpPr/>
            <p:nvPr/>
          </p:nvSpPr>
          <p:spPr>
            <a:xfrm>
              <a:off x="3463047" y="3077456"/>
              <a:ext cx="1874196" cy="904399"/>
            </a:xfrm>
            <a:custGeom>
              <a:avLst/>
              <a:gdLst>
                <a:gd name="connsiteX0" fmla="*/ 1874196 w 1874196"/>
                <a:gd name="connsiteY0" fmla="*/ 904399 h 904399"/>
                <a:gd name="connsiteX1" fmla="*/ 1031132 w 1874196"/>
                <a:gd name="connsiteY1" fmla="*/ 139157 h 904399"/>
                <a:gd name="connsiteX2" fmla="*/ 0 w 1874196"/>
                <a:gd name="connsiteY2" fmla="*/ 2970 h 90439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874196" h="904399">
                  <a:moveTo>
                    <a:pt x="1874196" y="904399"/>
                  </a:moveTo>
                  <a:cubicBezTo>
                    <a:pt x="1608847" y="596897"/>
                    <a:pt x="1343498" y="289395"/>
                    <a:pt x="1031132" y="139157"/>
                  </a:cubicBezTo>
                  <a:cubicBezTo>
                    <a:pt x="718766" y="-11081"/>
                    <a:pt x="359383" y="-4056"/>
                    <a:pt x="0" y="2970"/>
                  </a:cubicBezTo>
                </a:path>
              </a:pathLst>
            </a:custGeom>
            <a:noFill/>
            <a:ln w="28575">
              <a:solidFill>
                <a:srgbClr val="7030A0"/>
              </a:solidFill>
              <a:headEnd type="triangle" w="lg" len="lg"/>
              <a:tailEnd type="none" w="lg" len="lg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4" name="TextBox 23">
              <a:extLst>
                <a:ext uri="{FF2B5EF4-FFF2-40B4-BE49-F238E27FC236}">
                  <a16:creationId xmlns:a16="http://schemas.microsoft.com/office/drawing/2014/main" id="{EFBF05C6-503E-065D-270B-855D1F886F22}"/>
                </a:ext>
              </a:extLst>
            </p:cNvPr>
            <p:cNvSpPr txBox="1"/>
            <p:nvPr/>
          </p:nvSpPr>
          <p:spPr>
            <a:xfrm>
              <a:off x="2124682" y="2823814"/>
              <a:ext cx="1361270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  <a:t>Fried fish</a:t>
              </a:r>
            </a:p>
          </p:txBody>
        </p:sp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EF4A3C5C-5D44-6D8A-5241-9E14832813A2}"/>
              </a:ext>
            </a:extLst>
          </p:cNvPr>
          <p:cNvGrpSpPr/>
          <p:nvPr/>
        </p:nvGrpSpPr>
        <p:grpSpPr>
          <a:xfrm>
            <a:off x="7589218" y="4209054"/>
            <a:ext cx="4164923" cy="830997"/>
            <a:chOff x="7600545" y="4856347"/>
            <a:chExt cx="4164923" cy="830997"/>
          </a:xfrm>
        </p:grpSpPr>
        <p:sp>
          <p:nvSpPr>
            <p:cNvPr id="31" name="Freeform: Shape 30">
              <a:extLst>
                <a:ext uri="{FF2B5EF4-FFF2-40B4-BE49-F238E27FC236}">
                  <a16:creationId xmlns:a16="http://schemas.microsoft.com/office/drawing/2014/main" id="{00FD19D0-074F-D2C2-1003-5DBBCDA3BD55}"/>
                </a:ext>
              </a:extLst>
            </p:cNvPr>
            <p:cNvSpPr/>
            <p:nvPr/>
          </p:nvSpPr>
          <p:spPr>
            <a:xfrm>
              <a:off x="7600545" y="5058383"/>
              <a:ext cx="2042808" cy="303587"/>
            </a:xfrm>
            <a:custGeom>
              <a:avLst/>
              <a:gdLst>
                <a:gd name="connsiteX0" fmla="*/ 0 w 2042808"/>
                <a:gd name="connsiteY0" fmla="*/ 0 h 303587"/>
                <a:gd name="connsiteX1" fmla="*/ 1141378 w 2042808"/>
                <a:gd name="connsiteY1" fmla="*/ 298315 h 303587"/>
                <a:gd name="connsiteX2" fmla="*/ 2042808 w 2042808"/>
                <a:gd name="connsiteY2" fmla="*/ 162128 h 30358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042808" h="303587">
                  <a:moveTo>
                    <a:pt x="0" y="0"/>
                  </a:moveTo>
                  <a:cubicBezTo>
                    <a:pt x="400455" y="135647"/>
                    <a:pt x="800910" y="271294"/>
                    <a:pt x="1141378" y="298315"/>
                  </a:cubicBezTo>
                  <a:cubicBezTo>
                    <a:pt x="1481846" y="325336"/>
                    <a:pt x="1762327" y="243732"/>
                    <a:pt x="2042808" y="162128"/>
                  </a:cubicBezTo>
                </a:path>
              </a:pathLst>
            </a:custGeom>
            <a:noFill/>
            <a:ln w="28575">
              <a:solidFill>
                <a:srgbClr val="7030A0"/>
              </a:solidFill>
              <a:headEnd type="triangle" w="lg" len="lg"/>
              <a:tailEnd type="none" w="lg" len="lg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2" name="TextBox 31">
              <a:extLst>
                <a:ext uri="{FF2B5EF4-FFF2-40B4-BE49-F238E27FC236}">
                  <a16:creationId xmlns:a16="http://schemas.microsoft.com/office/drawing/2014/main" id="{87AC7B91-C85E-567A-CA2F-7A39FC7D794C}"/>
                </a:ext>
              </a:extLst>
            </p:cNvPr>
            <p:cNvSpPr txBox="1"/>
            <p:nvPr/>
          </p:nvSpPr>
          <p:spPr>
            <a:xfrm>
              <a:off x="9636867" y="4856347"/>
              <a:ext cx="2128601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  <a:t>Potato chips </a:t>
              </a:r>
              <a:b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</a:br>
              <a: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  <a:t>(French fries)</a:t>
              </a:r>
            </a:p>
          </p:txBody>
        </p:sp>
      </p:grpSp>
      <p:grpSp>
        <p:nvGrpSpPr>
          <p:cNvPr id="33" name="Group 32">
            <a:extLst>
              <a:ext uri="{FF2B5EF4-FFF2-40B4-BE49-F238E27FC236}">
                <a16:creationId xmlns:a16="http://schemas.microsoft.com/office/drawing/2014/main" id="{1467017A-C4F6-1357-5AEE-ABC3365E72C2}"/>
              </a:ext>
            </a:extLst>
          </p:cNvPr>
          <p:cNvGrpSpPr/>
          <p:nvPr/>
        </p:nvGrpSpPr>
        <p:grpSpPr>
          <a:xfrm>
            <a:off x="6823975" y="1869168"/>
            <a:ext cx="3098239" cy="1024407"/>
            <a:chOff x="6835302" y="2516461"/>
            <a:chExt cx="3098239" cy="1024407"/>
          </a:xfrm>
        </p:grpSpPr>
        <p:sp>
          <p:nvSpPr>
            <p:cNvPr id="34" name="Freeform: Shape 33">
              <a:extLst>
                <a:ext uri="{FF2B5EF4-FFF2-40B4-BE49-F238E27FC236}">
                  <a16:creationId xmlns:a16="http://schemas.microsoft.com/office/drawing/2014/main" id="{98DF76A0-6779-1AB8-58EE-00F0A7282B23}"/>
                </a:ext>
              </a:extLst>
            </p:cNvPr>
            <p:cNvSpPr/>
            <p:nvPr/>
          </p:nvSpPr>
          <p:spPr>
            <a:xfrm>
              <a:off x="6835302" y="2741607"/>
              <a:ext cx="1245141" cy="799261"/>
            </a:xfrm>
            <a:custGeom>
              <a:avLst/>
              <a:gdLst>
                <a:gd name="connsiteX0" fmla="*/ 0 w 1245141"/>
                <a:gd name="connsiteY0" fmla="*/ 799261 h 799261"/>
                <a:gd name="connsiteX1" fmla="*/ 421532 w 1245141"/>
                <a:gd name="connsiteY1" fmla="*/ 105355 h 799261"/>
                <a:gd name="connsiteX2" fmla="*/ 1245141 w 1245141"/>
                <a:gd name="connsiteY2" fmla="*/ 14563 h 79926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245141" h="799261">
                  <a:moveTo>
                    <a:pt x="0" y="799261"/>
                  </a:moveTo>
                  <a:cubicBezTo>
                    <a:pt x="107004" y="517699"/>
                    <a:pt x="214009" y="236138"/>
                    <a:pt x="421532" y="105355"/>
                  </a:cubicBezTo>
                  <a:cubicBezTo>
                    <a:pt x="629055" y="-25428"/>
                    <a:pt x="937098" y="-5433"/>
                    <a:pt x="1245141" y="14563"/>
                  </a:cubicBezTo>
                </a:path>
              </a:pathLst>
            </a:custGeom>
            <a:noFill/>
            <a:ln w="28575">
              <a:solidFill>
                <a:srgbClr val="7030A0"/>
              </a:solidFill>
              <a:headEnd type="triangle" w="lg" len="lg"/>
              <a:tailEnd type="none" w="lg" len="lg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5" name="TextBox 34">
              <a:extLst>
                <a:ext uri="{FF2B5EF4-FFF2-40B4-BE49-F238E27FC236}">
                  <a16:creationId xmlns:a16="http://schemas.microsoft.com/office/drawing/2014/main" id="{9694F211-07CC-2D6E-8167-246B0083D6C4}"/>
                </a:ext>
              </a:extLst>
            </p:cNvPr>
            <p:cNvSpPr txBox="1"/>
            <p:nvPr/>
          </p:nvSpPr>
          <p:spPr>
            <a:xfrm>
              <a:off x="8034375" y="2516461"/>
              <a:ext cx="189916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  <a:t>Tartare sauce</a:t>
              </a:r>
            </a:p>
          </p:txBody>
        </p:sp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1E042775-EEB6-5F9B-ED75-EDD7D64CEE67}"/>
              </a:ext>
            </a:extLst>
          </p:cNvPr>
          <p:cNvGrpSpPr/>
          <p:nvPr/>
        </p:nvGrpSpPr>
        <p:grpSpPr>
          <a:xfrm>
            <a:off x="902469" y="4363479"/>
            <a:ext cx="4248349" cy="611858"/>
            <a:chOff x="913796" y="5010772"/>
            <a:chExt cx="4248349" cy="611858"/>
          </a:xfrm>
        </p:grpSpPr>
        <p:sp>
          <p:nvSpPr>
            <p:cNvPr id="37" name="Freeform: Shape 36">
              <a:extLst>
                <a:ext uri="{FF2B5EF4-FFF2-40B4-BE49-F238E27FC236}">
                  <a16:creationId xmlns:a16="http://schemas.microsoft.com/office/drawing/2014/main" id="{CE4BB096-E419-FB26-EBF9-B004E4BA343C}"/>
                </a:ext>
              </a:extLst>
            </p:cNvPr>
            <p:cNvSpPr/>
            <p:nvPr/>
          </p:nvSpPr>
          <p:spPr>
            <a:xfrm>
              <a:off x="2840477" y="5252936"/>
              <a:ext cx="2321668" cy="369694"/>
            </a:xfrm>
            <a:custGeom>
              <a:avLst/>
              <a:gdLst>
                <a:gd name="connsiteX0" fmla="*/ 2321668 w 2321668"/>
                <a:gd name="connsiteY0" fmla="*/ 0 h 369694"/>
                <a:gd name="connsiteX1" fmla="*/ 1044102 w 2321668"/>
                <a:gd name="connsiteY1" fmla="*/ 369651 h 369694"/>
                <a:gd name="connsiteX2" fmla="*/ 0 w 2321668"/>
                <a:gd name="connsiteY2" fmla="*/ 19455 h 3696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321668" h="369694">
                  <a:moveTo>
                    <a:pt x="2321668" y="0"/>
                  </a:moveTo>
                  <a:cubicBezTo>
                    <a:pt x="1876357" y="183204"/>
                    <a:pt x="1431047" y="366409"/>
                    <a:pt x="1044102" y="369651"/>
                  </a:cubicBezTo>
                  <a:cubicBezTo>
                    <a:pt x="657157" y="372893"/>
                    <a:pt x="328578" y="196174"/>
                    <a:pt x="0" y="19455"/>
                  </a:cubicBezTo>
                </a:path>
              </a:pathLst>
            </a:custGeom>
            <a:noFill/>
            <a:ln w="28575">
              <a:solidFill>
                <a:srgbClr val="7030A0"/>
              </a:solidFill>
              <a:headEnd type="triangle" w="lg" len="lg"/>
              <a:tailEnd type="none" w="lg" len="lg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8" name="TextBox 37">
              <a:extLst>
                <a:ext uri="{FF2B5EF4-FFF2-40B4-BE49-F238E27FC236}">
                  <a16:creationId xmlns:a16="http://schemas.microsoft.com/office/drawing/2014/main" id="{9517D787-8868-661A-F23A-2DCC90B01A72}"/>
                </a:ext>
              </a:extLst>
            </p:cNvPr>
            <p:cNvSpPr txBox="1"/>
            <p:nvPr/>
          </p:nvSpPr>
          <p:spPr>
            <a:xfrm>
              <a:off x="913796" y="5010772"/>
              <a:ext cx="1964640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GB" sz="2400" b="1" dirty="0">
                  <a:solidFill>
                    <a:srgbClr val="7030A0"/>
                  </a:solidFill>
                  <a:effectLst>
                    <a:glow rad="101600">
                      <a:schemeClr val="bg1"/>
                    </a:glow>
                  </a:effectLst>
                </a:rPr>
                <a:t>Lemon wedge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758536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</p:bld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45196B1-EC4B-F232-0379-A8D836085AF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1F8A7D4-E635-1052-1543-1B2A7906CA8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the name of this reader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FAF47694-EC50-61E4-CA45-2C9E264BB52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460CCC5C-8D07-AD20-BFCF-97D277914571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512F30F2-4E4B-7E93-D8E3-A64099FE6999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FC9F6729-27C7-80D0-BDB7-65E1F9C2FE65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841EE072-FAB1-85FF-B3EA-D811157BA66A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7617BD10-234A-B635-36B8-8BC9357FEFF6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A01F2694-F68B-81DF-FDD8-ACF09E7B643A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4F1B18C4-2568-D801-74D0-2CEBA2AE69B5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5929E7DC-6282-CDC7-6055-1CFA7B5934A1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C23B9E18-FE90-2FE0-064D-CF6039103592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821AF6D9-DCFA-44AC-915D-9FA9E1FBCEB6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6B803849-E99E-9015-B996-9966570DA329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6DC6F22C-686B-81EA-887E-96B88C0A24D7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FB409982-30BC-A93C-7DA4-B2001B5D97B1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F47D8A7F-C11E-930B-0821-8A65D2361B43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5C945D08-D437-F899-0908-1AC60FD7A23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09F817D2-19F7-28B4-2091-0491433AA3AC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5B9F916F-8C4E-195E-34AA-6CE8150B3E1D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16B405B5-C66E-D8CB-C197-4CD0ACD9BA4A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C37B2094-85C7-ADAE-7AF3-6D45A15E84EC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2B10B5EF-0A60-23F8-8A66-D4AB41FCFC6B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BEFC0007-CE37-DABC-CB45-B0A5A21CE3C8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240F02C6-B314-9F89-0254-A91DC1AE36FD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BFD28907-5FAD-546B-09D3-6DEC158CF92A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A81CEDC6-7B06-EAB5-801D-2ABC27F1882D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E980FE79-44D6-66D8-07AD-4F225272A2B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F381B3A8-9116-E3EC-C953-89CDC0754A12}"/>
              </a:ext>
            </a:extLst>
          </p:cNvPr>
          <p:cNvCxnSpPr/>
          <p:nvPr/>
        </p:nvCxnSpPr>
        <p:spPr>
          <a:xfrm>
            <a:off x="1705582" y="3307403"/>
            <a:ext cx="936000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6947064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0.25 E" pathEditMode="relative" ptsTypes="">
                                      <p:cBhvr>
                                        <p:cTn id="17" dur="500" spd="-100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2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BAE1D38-75B0-E3C8-6D31-372D1C90159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E5EE0CF7-993D-2FD6-CC72-835DF32DCEC3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did she post the comment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157EF6D3-C8DA-6505-94F2-59B0CB09B99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F30F2AAE-DC41-B0FE-2885-9FB0C35B90AF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8D05DCDD-E20F-BF1C-75FF-285133FCC0EC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61E14E5E-6550-1EF8-5A05-D547ACE4F020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DCEEF201-067D-263F-B858-E83F87B0D4BF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8285EA9D-3671-FBA0-5008-9B5AA7D77255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D1802076-15CB-6861-9D9B-61C7F35FD175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05E13E1A-87DD-76D0-42C0-D1504E849FD9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EE13B055-0778-E486-7055-4164A5F443FD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50CF7033-28F3-D98F-B379-A7D033E28714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1127862F-F932-EDD2-346F-4C275B7240D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4F8B743-D352-9264-9253-039C7BF42962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082B150-6DD4-5DBE-299E-0BEEB9BB52B1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F11F8F68-ED31-0556-755C-77F6F998B518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F7DBD3C9-8D26-46A3-CDD0-E77C230FAB50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5F10D6AB-10D4-FB86-D0AB-377B123FCB7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1F86BC8B-84E4-0383-4DFA-63FF8EDBEB18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BD9D104A-8715-D01A-BBC9-48EF6547657C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37C0EA0E-194F-A29D-8EBA-924850A95DD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05A57D31-D984-BAAD-9BAB-C901F8FCC79D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5BBA06DC-DAE1-0BE4-3E6C-40887557727C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D8842772-88B0-F1CF-807B-444B8C5715FD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287CBB48-F840-EC9D-CCBB-43E83B5E116A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BF6CC8DB-40F6-B046-FE03-E98F95851F40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51D96D72-EF54-09C2-F8CC-77A4F6B68A6D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17DFFEBD-F9B2-45BE-8ECC-8FD390A6078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757AE569-EC15-ACD3-0DDC-35D498D0835B}"/>
              </a:ext>
            </a:extLst>
          </p:cNvPr>
          <p:cNvCxnSpPr>
            <a:cxnSpLocks/>
          </p:cNvCxnSpPr>
          <p:nvPr/>
        </p:nvCxnSpPr>
        <p:spPr>
          <a:xfrm>
            <a:off x="1692116" y="3710616"/>
            <a:ext cx="3560820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0931458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C836A3F-75ED-DC68-AD50-919414CF9DB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8AD085F9-5E21-7C4E-A338-522060C3227A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 entry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a piece of writing on the blog.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is like a page in a diary.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6CA2390-2801-FD48-691E-EEEC4F27A0C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193661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AC75067-2141-5B0B-E95A-CDC7E748E1B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6E2B268B-E5BC-D621-9594-8C5CA33B08D2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re did Rachel go for her study tour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B9DE9CB-1C1F-7A2E-13F6-D5E8D54A5C4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54241BE9-8AE0-0DED-E2E4-9E3AA090226F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518187A4-1107-7FFD-50B1-B78293712D0B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44CF8979-2DF5-2DD8-E30D-F937356ACD28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446B31DF-F444-537E-FE9D-5DA6FF418F66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DC3B1B79-F857-5B68-A288-35136346D46B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81801B9C-6E3F-86D1-7433-9932540EB0D3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C48AA506-5E1C-3FC7-C732-40B6857D1C31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7E568071-2997-A83E-0645-9EC40F723E6F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1E293F9B-4AFD-A168-135F-CE0C320EE0EF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C6F9CCDD-2007-89B8-6FB9-E4218B00B044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CA10926A-EEF4-3925-DEAA-2F2D029C93D6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D03C426A-90D6-F01B-33E4-7C6F4B0DC056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074E21E1-2393-101D-DDBA-31C193755B39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A82B0BB4-A029-637F-BE5D-1E8103172AAF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FF64BFA3-4D70-FB72-6B59-502A3C38BF2B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386B0EFF-8FF7-1E43-6C78-19961FD2D0DC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69EA393D-EE70-3786-7626-F6F6B7925D54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51C16999-EF14-E6C4-83B0-248C961D53A5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EEEB83A7-F695-CB5E-47F2-5CF45CC47FBC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D6504C69-0C16-3059-9C4B-A4423B91B94A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839D14C3-35E9-1C4D-5F8B-465DFAC73DD1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71EFE2F0-C8B5-5DF9-A324-FE908F35AF82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4E92025-1DEC-53DF-57CE-45A2BE6C14AB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12820DFA-341D-E9C4-C79B-6E0AED71D2BD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49D1EA56-1445-3D12-9CE0-DDFE6A49685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B7BF81A2-6CB2-AAD0-2D87-8CE45CB20130}"/>
              </a:ext>
            </a:extLst>
          </p:cNvPr>
          <p:cNvCxnSpPr>
            <a:cxnSpLocks/>
          </p:cNvCxnSpPr>
          <p:nvPr/>
        </p:nvCxnSpPr>
        <p:spPr>
          <a:xfrm>
            <a:off x="5765260" y="4145118"/>
            <a:ext cx="3761361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50FCB5D8-4378-739D-E987-C980C43D5657}"/>
              </a:ext>
            </a:extLst>
          </p:cNvPr>
          <p:cNvCxnSpPr>
            <a:cxnSpLocks/>
          </p:cNvCxnSpPr>
          <p:nvPr/>
        </p:nvCxnSpPr>
        <p:spPr>
          <a:xfrm>
            <a:off x="1690828" y="4479101"/>
            <a:ext cx="2592000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1785987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2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7300CB5-3294-AF6F-E1EA-3A36099D4A1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406CDE6A-7B41-46C6-E758-E8C217C8680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okyo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is the capital and largest city of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Japan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eople in Japan speak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Japanes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ED01D29-4285-6A5F-AFC7-E94CDFD9267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BD1CDFD1-D847-5259-3958-27A2A37D9495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B84E3347-5673-9A08-B689-AD0CEC9D8BAA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67CE0106-4D4D-78D7-F12F-C91807891944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191B0708-C10B-BD76-4C3E-8D656E550340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AFF8383F-9ED0-5BFA-7C8C-BD8E7069EBB1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99819BDF-FE5A-C101-AFF0-62D87E92AC7E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019DA2DC-F6A7-CFE5-7BC8-944919071EFC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8937A804-27E1-385C-49B4-11DE3DD31598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845022B6-12D1-572A-A0DA-50FB0540A964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A04109B6-E174-F81B-360D-3EA32C919ACE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2B88BBFA-27D4-66E7-F9C6-3F37BA834465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73BB57C6-179C-FD4B-18E0-7AB7FD072DE9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>
            <a:extLst>
              <a:ext uri="{FF2B5EF4-FFF2-40B4-BE49-F238E27FC236}">
                <a16:creationId xmlns:a16="http://schemas.microsoft.com/office/drawing/2014/main" id="{A77E6715-0FE9-6354-0520-E1497965E9BF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2EB84026-4E5D-3234-37B1-A17C03C90214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B40D1C94-3728-7BC9-608C-2FE68097FF3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8E7B7330-5BAC-BF5F-B81C-3F1CA10F1EE0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681BDE04-D6A0-BC4A-BC9F-4E6E2062FE72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69CCE3FD-AE82-C038-D8C1-8853141B2158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BCAB5BB1-2EAB-482B-5707-18348D09CDB0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BEADCB37-E164-37DC-DF90-7B86BEA97B1F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0D5124AB-2309-6248-60DB-374D525F20D6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BA704A29-1110-FE89-EFD9-65B5172642B6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C82371F8-C985-C7A9-E3E0-4275243C05FE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B067A437-5299-B910-A94B-7E2B13B7A3DA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C2FECFC4-537A-36E8-51DC-4BE1C8E2AC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63675BDD-3388-42E4-DDC2-68B9AB0F094D}"/>
              </a:ext>
            </a:extLst>
          </p:cNvPr>
          <p:cNvCxnSpPr>
            <a:cxnSpLocks/>
          </p:cNvCxnSpPr>
          <p:nvPr/>
        </p:nvCxnSpPr>
        <p:spPr>
          <a:xfrm>
            <a:off x="5765260" y="4145118"/>
            <a:ext cx="3761361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F7C18BF9-5227-572A-C5EA-6EF2D4F47CE3}"/>
              </a:ext>
            </a:extLst>
          </p:cNvPr>
          <p:cNvCxnSpPr>
            <a:cxnSpLocks/>
          </p:cNvCxnSpPr>
          <p:nvPr/>
        </p:nvCxnSpPr>
        <p:spPr>
          <a:xfrm>
            <a:off x="1690828" y="4479101"/>
            <a:ext cx="2592000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9432827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9CD3857-3AE2-60FF-5A5C-1364F80037C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A732017B-F60A-3578-8379-A7FCE506BACA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did Rachel do in Tokyo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1177B144-DC62-1875-49CD-D32877CCA94D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C59E9443-D252-E772-3896-31E9C51D4273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F42A20E4-F8D4-ED6C-65B8-ED703CB7F911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25D2917B-E1C7-CCC4-A9A0-174D7F75F40B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8303B126-0FB5-31E2-E3AC-1EBBCC4C7B1D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FC97D139-C1D1-12B3-F58F-CA46AC9236FC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39495B91-2336-6B3D-D721-5D42F0AA7BBA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E5CCBE5E-B7A0-AF78-D3A6-925D515A3049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0B9E599D-AF9B-84D3-1C80-CB8316A63225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EC144492-D344-A7C1-A137-FDC3D6630C30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EE6949CB-32B8-8C27-5664-9270F7D4E187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3D7E4B6C-856A-1991-1799-1E908C252440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AAAED893-5F6C-31E5-21FD-6F403F97529D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AFC413FA-37EC-AD56-2D9F-DF435FC7DE15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EEBB6D33-87A7-BEEE-ABAF-F99369C11CC1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CAD41AA9-5948-2B42-C2CC-D3C464B113E8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85AD117C-60DB-3DF5-6980-4CDEA1C45DC9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965187C3-8A94-547F-8AA7-0F1DDC6EF21B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9112BDB9-3483-E50A-848C-23AA329ED45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16C1BF21-F5A6-D330-5D24-F4F2EE23313E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BFEA2919-A6EE-11B9-6241-6CFC0B5DC4A5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12DEB0F8-1AE0-25FA-C3CC-EAF5F9D1B51E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4D009F71-E418-8698-0BF0-D7AB285BF398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8036EB41-1105-5F64-9D9C-F9FF19A993A1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4FF5535A-345C-576B-6703-B08BB659A19E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62557409-71B9-BA8A-FFBF-49506DC5D86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76168E56-1D8E-A313-AA5E-49C68D3AD2AE}"/>
              </a:ext>
            </a:extLst>
          </p:cNvPr>
          <p:cNvCxnSpPr>
            <a:cxnSpLocks/>
          </p:cNvCxnSpPr>
          <p:nvPr/>
        </p:nvCxnSpPr>
        <p:spPr>
          <a:xfrm>
            <a:off x="1697314" y="4819569"/>
            <a:ext cx="7881188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0398866A-EE72-2153-7F47-4D2314D62D32}"/>
              </a:ext>
            </a:extLst>
          </p:cNvPr>
          <p:cNvCxnSpPr>
            <a:cxnSpLocks/>
          </p:cNvCxnSpPr>
          <p:nvPr/>
        </p:nvCxnSpPr>
        <p:spPr>
          <a:xfrm>
            <a:off x="4448783" y="4479101"/>
            <a:ext cx="5434519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Connector 24">
            <a:extLst>
              <a:ext uri="{FF2B5EF4-FFF2-40B4-BE49-F238E27FC236}">
                <a16:creationId xmlns:a16="http://schemas.microsoft.com/office/drawing/2014/main" id="{872B707E-DDD8-C958-10C3-7E345694C481}"/>
              </a:ext>
            </a:extLst>
          </p:cNvPr>
          <p:cNvCxnSpPr>
            <a:cxnSpLocks/>
          </p:cNvCxnSpPr>
          <p:nvPr/>
        </p:nvCxnSpPr>
        <p:spPr>
          <a:xfrm>
            <a:off x="1697314" y="5160037"/>
            <a:ext cx="1493358" cy="0"/>
          </a:xfrm>
          <a:prstGeom prst="line">
            <a:avLst/>
          </a:prstGeom>
          <a:ln w="19050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0422831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2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14A2D3B-AC11-7A2D-C57B-DA3A53265DC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BDF8ADCD-7DD8-D6B0-0E99-4416AEA9A90C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know the name of this mountain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D98C7B09-CCD0-8EC9-72D4-649A7D2755E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848E4483-DE0D-4A42-6EED-8CB05F108818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CE1E7EE1-7D21-AC04-A6E6-E4CEC8018E8B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D906AAB3-1FE8-C053-7A91-F16DD78B00CC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021B8209-C5BA-3AB4-E224-9CE32651E6F8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FA9EF5D4-E72E-A1BB-2FE1-CCD6D273FFF7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70A2979D-7B93-176A-84A4-A44DB19BA991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39FC497F-FBC3-0608-97FE-E54826F20D9F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85F4233C-1862-90A1-E6D4-8109CF14778E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4FCA28CB-5F15-A980-821D-0919FE98DF74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41D66645-C999-BDE1-CC72-462685D913F2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39866AE9-C994-CC98-65CD-D896AAFB3D21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31267F7E-5217-E1BA-4217-549056EFDA02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3D9114BF-78EA-B8C2-35A8-39AD8F8957FA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5CBC2052-B752-7E6B-2290-69FA9BC06A0B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95D1B9A1-D394-70E0-E9C4-745CFC8A202D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B24888E3-B7FE-7AFE-D3AF-80630BDFA294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8EE4477D-DA47-36E8-B6E4-04860F1C8ABF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8D8CA6EB-4E62-1E89-FA2B-E7E38BF1DA0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8CA649FF-BD38-6037-1510-A42309A7FEE4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16DFF1F2-2FC5-5650-3F39-B5BBF2AB1CA9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718818DE-7F2E-0C82-914B-50092B415F74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8A43E023-D563-C7CC-E495-EFCDC4948FC7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A88CCC34-F888-B214-DB05-9A56819B4632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68446CB0-F99F-29B5-DEA2-6CD5854C3AB3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6E44B0D4-6077-A622-09EB-2ADE0BD8C09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9" name="Rectangle 16">
            <a:extLst>
              <a:ext uri="{FF2B5EF4-FFF2-40B4-BE49-F238E27FC236}">
                <a16:creationId xmlns:a16="http://schemas.microsoft.com/office/drawing/2014/main" id="{170BFA77-FE59-A0A8-A62A-7E8943C74D3D}"/>
              </a:ext>
            </a:extLst>
          </p:cNvPr>
          <p:cNvSpPr/>
          <p:nvPr/>
        </p:nvSpPr>
        <p:spPr>
          <a:xfrm>
            <a:off x="0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4" name="Picture 23">
            <a:extLst>
              <a:ext uri="{FF2B5EF4-FFF2-40B4-BE49-F238E27FC236}">
                <a16:creationId xmlns:a16="http://schemas.microsoft.com/office/drawing/2014/main" id="{870B761F-A4C8-A412-627A-6836CF5016A5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83324" y="1756093"/>
            <a:ext cx="7025352" cy="468410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89573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3.7037E-6 L 0.37526 -0.0449 " pathEditMode="relative" rAng="0" ptsTypes="AA">
                                      <p:cBhvr>
                                        <p:cTn id="17" dur="500" spd="-100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763" y="-22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F285B16-A855-670E-8BD4-0D0B7F4AE19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FA1C3B9C-CBD6-F0B9-6D08-B0C3C234EE6F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is i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Mount Fuji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 It is the highest mountain in Japan.</a:t>
            </a:r>
          </a:p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is also an important cultural icon of Japan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0EAC8EB-AD6E-7847-105D-2860318720C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6FB9D46A-BB24-009D-B861-CCE7A8A2AD04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8AE177EE-C3D0-E3C4-AD31-B84867C7F6AD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F8CF08E-2626-3854-8A7A-1180BE86FA16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53271BDA-781B-4A62-9BA5-B83AFD600757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23BB9A15-17C0-6C32-34BC-015DB0236F20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D659EDDD-D6C6-DA43-E930-F9BC0CE03B27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AD4D302C-D4E2-044D-77F0-27B33F9D75B0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5F9A623E-8C5D-F048-AB72-B79050017791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7DC96849-59B7-6777-E6F0-A531CF7C63FF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4079B1A2-4A0B-FC8F-0E1B-E2743DE182FE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BDF80891-4F7D-4A6F-815A-2C5329590927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4B291127-AE49-2B4E-7C0F-DE133BAB66E7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>
            <a:extLst>
              <a:ext uri="{FF2B5EF4-FFF2-40B4-BE49-F238E27FC236}">
                <a16:creationId xmlns:a16="http://schemas.microsoft.com/office/drawing/2014/main" id="{07EEB134-2C27-D481-256B-11BC1F842E90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95E013A3-CD1A-9257-3A56-500F79F90698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5F53BBBC-2DEE-3E74-9378-513EDD1DA767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3E257777-2D87-EF4A-5CC3-D2B1AB018337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795BFA8E-9C1E-46E3-EC30-28F4C6250EB5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F61E2042-0A8D-9552-CC76-166881B984B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D070B9C6-E7B1-F259-DFB0-92F37F746616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AA2FEBBC-1E6C-CAED-BA2E-72C9A6AC6BB8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FF665948-5FE6-CED1-7D86-6F7629040385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72876D96-8737-EDF1-7335-5DF6C12BB83E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8AEC14FC-8296-B632-6B74-A63093E53949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62AC54D9-0C06-64BC-A896-8BF852A36A11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DC9CEDE9-7DFC-2E2F-4618-6D5E19D5B6A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9" name="Rectangle 16">
            <a:extLst>
              <a:ext uri="{FF2B5EF4-FFF2-40B4-BE49-F238E27FC236}">
                <a16:creationId xmlns:a16="http://schemas.microsoft.com/office/drawing/2014/main" id="{83A0DE2A-6F65-2A92-643A-A0E64F0B31E0}"/>
              </a:ext>
            </a:extLst>
          </p:cNvPr>
          <p:cNvSpPr/>
          <p:nvPr/>
        </p:nvSpPr>
        <p:spPr>
          <a:xfrm>
            <a:off x="0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4" name="Picture 23">
            <a:extLst>
              <a:ext uri="{FF2B5EF4-FFF2-40B4-BE49-F238E27FC236}">
                <a16:creationId xmlns:a16="http://schemas.microsoft.com/office/drawing/2014/main" id="{19AE04C1-C4B3-A0AC-9525-CAFD9F22A62F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83324" y="1756093"/>
            <a:ext cx="7025352" cy="468410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340155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A521DBD-0E9D-AA61-C005-FE7C343D5A1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4CC12F94-EC71-461D-7FB2-C69D3FFAAC4F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Japanes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ea ceremony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a special way of making 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nd drinking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matcha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(powdered green tea)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CB36D15-9A11-F7CA-18AA-2CF2C095EE6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F0339A23-C684-6513-C5DC-162F44B2A616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8CA5DA69-2F64-60A6-A6B7-0BC1D1B7FAAC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35FA2F13-C057-447B-520B-BD063F5067FC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7FAAF88-F508-B1AD-CD8D-A6C90B5C545F}"/>
              </a:ext>
            </a:extLst>
          </p:cNvPr>
          <p:cNvGrpSpPr/>
          <p:nvPr/>
        </p:nvGrpSpPr>
        <p:grpSpPr>
          <a:xfrm>
            <a:off x="6776936" y="1999518"/>
            <a:ext cx="4161385" cy="1018136"/>
            <a:chOff x="-1865516" y="2181253"/>
            <a:chExt cx="5564551" cy="1018136"/>
          </a:xfrm>
        </p:grpSpPr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52BFABE8-20B7-2CFF-5CBD-C2FB19B76B82}"/>
                </a:ext>
              </a:extLst>
            </p:cNvPr>
            <p:cNvSpPr/>
            <p:nvPr/>
          </p:nvSpPr>
          <p:spPr>
            <a:xfrm>
              <a:off x="1388375" y="2433707"/>
              <a:ext cx="2310660" cy="765682"/>
            </a:xfrm>
            <a:prstGeom prst="roundRect">
              <a:avLst>
                <a:gd name="adj" fmla="val 18175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Name of the blog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CCB15290-5E97-AE2B-CB14-437DB9056214}"/>
                </a:ext>
              </a:extLst>
            </p:cNvPr>
            <p:cNvCxnSpPr>
              <a:cxnSpLocks/>
              <a:stCxn id="11" idx="0"/>
            </p:cNvCxnSpPr>
            <p:nvPr/>
          </p:nvCxnSpPr>
          <p:spPr>
            <a:xfrm rot="16200000" flipV="1">
              <a:off x="212868" y="102869"/>
              <a:ext cx="252454" cy="440922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Group 8" hidden="1">
            <a:extLst>
              <a:ext uri="{FF2B5EF4-FFF2-40B4-BE49-F238E27FC236}">
                <a16:creationId xmlns:a16="http://schemas.microsoft.com/office/drawing/2014/main" id="{829A5A27-2E30-AF15-487E-F863A13B55D4}"/>
              </a:ext>
            </a:extLst>
          </p:cNvPr>
          <p:cNvGrpSpPr/>
          <p:nvPr/>
        </p:nvGrpSpPr>
        <p:grpSpPr>
          <a:xfrm>
            <a:off x="804153" y="1625468"/>
            <a:ext cx="2813476" cy="879729"/>
            <a:chOff x="1706351" y="1921391"/>
            <a:chExt cx="3161044" cy="879729"/>
          </a:xfrm>
        </p:grpSpPr>
        <p:sp>
          <p:nvSpPr>
            <p:cNvPr id="13" name="圓角矩形 10">
              <a:extLst>
                <a:ext uri="{FF2B5EF4-FFF2-40B4-BE49-F238E27FC236}">
                  <a16:creationId xmlns:a16="http://schemas.microsoft.com/office/drawing/2014/main" id="{4370A786-C739-4C0A-B0B3-CB1A45E0F64C}"/>
                </a:ext>
              </a:extLst>
            </p:cNvPr>
            <p:cNvSpPr/>
            <p:nvPr/>
          </p:nvSpPr>
          <p:spPr>
            <a:xfrm>
              <a:off x="1706351" y="1921391"/>
              <a:ext cx="1719556" cy="879729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Title of the blog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E15A513F-3B5C-E03A-DB2B-ACFF4A822AB0}"/>
                </a:ext>
              </a:extLst>
            </p:cNvPr>
            <p:cNvCxnSpPr>
              <a:cxnSpLocks/>
            </p:cNvCxnSpPr>
            <p:nvPr/>
          </p:nvCxnSpPr>
          <p:spPr>
            <a:xfrm>
              <a:off x="3425907" y="2666054"/>
              <a:ext cx="1441488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 hidden="1">
            <a:extLst>
              <a:ext uri="{FF2B5EF4-FFF2-40B4-BE49-F238E27FC236}">
                <a16:creationId xmlns:a16="http://schemas.microsoft.com/office/drawing/2014/main" id="{461984EB-A2FC-C540-8ADC-E52ACE3AC1D9}"/>
              </a:ext>
            </a:extLst>
          </p:cNvPr>
          <p:cNvGrpSpPr/>
          <p:nvPr/>
        </p:nvGrpSpPr>
        <p:grpSpPr>
          <a:xfrm>
            <a:off x="804153" y="2615359"/>
            <a:ext cx="2813475" cy="1347041"/>
            <a:chOff x="1105249" y="1746211"/>
            <a:chExt cx="3762144" cy="1347041"/>
          </a:xfrm>
        </p:grpSpPr>
        <p:sp>
          <p:nvSpPr>
            <p:cNvPr id="10" name="圓角矩形 10">
              <a:extLst>
                <a:ext uri="{FF2B5EF4-FFF2-40B4-BE49-F238E27FC236}">
                  <a16:creationId xmlns:a16="http://schemas.microsoft.com/office/drawing/2014/main" id="{46BD752B-4641-D57B-C551-944BFC75ABCB}"/>
                </a:ext>
              </a:extLst>
            </p:cNvPr>
            <p:cNvSpPr/>
            <p:nvPr/>
          </p:nvSpPr>
          <p:spPr>
            <a:xfrm>
              <a:off x="1105249" y="1921392"/>
              <a:ext cx="2692262" cy="1171860"/>
            </a:xfrm>
            <a:prstGeom prst="roundRect">
              <a:avLst>
                <a:gd name="adj" fmla="val 15410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hen the blogger posted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C63A9788-6244-E3A3-52FC-6D0F0D6E6593}"/>
                </a:ext>
              </a:extLst>
            </p:cNvPr>
            <p:cNvCxnSpPr>
              <a:cxnSpLocks/>
              <a:stCxn id="10" idx="0"/>
            </p:cNvCxnSpPr>
            <p:nvPr/>
          </p:nvCxnSpPr>
          <p:spPr>
            <a:xfrm rot="5400000" flipH="1" flipV="1">
              <a:off x="3571796" y="625796"/>
              <a:ext cx="175181" cy="2416012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8" name="Group 27" hidden="1">
            <a:extLst>
              <a:ext uri="{FF2B5EF4-FFF2-40B4-BE49-F238E27FC236}">
                <a16:creationId xmlns:a16="http://schemas.microsoft.com/office/drawing/2014/main" id="{DF1E692A-9D3F-F313-202F-2350E03B90A4}"/>
              </a:ext>
            </a:extLst>
          </p:cNvPr>
          <p:cNvGrpSpPr/>
          <p:nvPr/>
        </p:nvGrpSpPr>
        <p:grpSpPr>
          <a:xfrm>
            <a:off x="7452360" y="3665220"/>
            <a:ext cx="4008120" cy="1298801"/>
            <a:chOff x="7452360" y="3665220"/>
            <a:chExt cx="4008120" cy="1298801"/>
          </a:xfrm>
        </p:grpSpPr>
        <p:sp>
          <p:nvSpPr>
            <p:cNvPr id="21" name="圓角矩形 10">
              <a:extLst>
                <a:ext uri="{FF2B5EF4-FFF2-40B4-BE49-F238E27FC236}">
                  <a16:creationId xmlns:a16="http://schemas.microsoft.com/office/drawing/2014/main" id="{D2028C47-7284-0CA9-45C4-8374D71DB42F}"/>
                </a:ext>
              </a:extLst>
            </p:cNvPr>
            <p:cNvSpPr/>
            <p:nvPr/>
          </p:nvSpPr>
          <p:spPr>
            <a:xfrm>
              <a:off x="9210321" y="3790115"/>
              <a:ext cx="2250159" cy="1173906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 can like, comment on and share the entry.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22" name="Connector: Elbow 21">
              <a:extLst>
                <a:ext uri="{FF2B5EF4-FFF2-40B4-BE49-F238E27FC236}">
                  <a16:creationId xmlns:a16="http://schemas.microsoft.com/office/drawing/2014/main" id="{68B5EB70-948B-89E6-8BC5-5DBFCE1EEAF3}"/>
                </a:ext>
              </a:extLst>
            </p:cNvPr>
            <p:cNvCxnSpPr>
              <a:cxnSpLocks/>
              <a:stCxn id="21" idx="1"/>
              <a:endCxn id="26" idx="2"/>
            </p:cNvCxnSpPr>
            <p:nvPr/>
          </p:nvCxnSpPr>
          <p:spPr>
            <a:xfrm rot="10800000">
              <a:off x="7559041" y="3917674"/>
              <a:ext cx="1651281" cy="459394"/>
            </a:xfrm>
            <a:prstGeom prst="bentConnector2">
              <a:avLst/>
            </a:prstGeom>
            <a:ln w="12700">
              <a:solidFill>
                <a:srgbClr val="18A74B"/>
              </a:solidFill>
              <a:headEnd w="med" len="med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6" name="Rectangle 25">
              <a:extLst>
                <a:ext uri="{FF2B5EF4-FFF2-40B4-BE49-F238E27FC236}">
                  <a16:creationId xmlns:a16="http://schemas.microsoft.com/office/drawing/2014/main" id="{0B4A756A-6684-71EC-B5B4-6AE11FEE0752}"/>
                </a:ext>
              </a:extLst>
            </p:cNvPr>
            <p:cNvSpPr/>
            <p:nvPr/>
          </p:nvSpPr>
          <p:spPr>
            <a:xfrm>
              <a:off x="7452360" y="3665220"/>
              <a:ext cx="213360" cy="252454"/>
            </a:xfrm>
            <a:prstGeom prst="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9" name="Group 38" hidden="1">
            <a:extLst>
              <a:ext uri="{FF2B5EF4-FFF2-40B4-BE49-F238E27FC236}">
                <a16:creationId xmlns:a16="http://schemas.microsoft.com/office/drawing/2014/main" id="{2AF0848E-5391-ABAF-BB6C-41D8399BB550}"/>
              </a:ext>
            </a:extLst>
          </p:cNvPr>
          <p:cNvGrpSpPr/>
          <p:nvPr/>
        </p:nvGrpSpPr>
        <p:grpSpPr>
          <a:xfrm>
            <a:off x="804153" y="3581400"/>
            <a:ext cx="2754387" cy="1484464"/>
            <a:chOff x="804153" y="3581400"/>
            <a:chExt cx="2754387" cy="1484464"/>
          </a:xfrm>
        </p:grpSpPr>
        <p:cxnSp>
          <p:nvCxnSpPr>
            <p:cNvPr id="30" name="Straight Arrow Connector 15">
              <a:extLst>
                <a:ext uri="{FF2B5EF4-FFF2-40B4-BE49-F238E27FC236}">
                  <a16:creationId xmlns:a16="http://schemas.microsoft.com/office/drawing/2014/main" id="{830B48AE-C728-06BA-4E78-8E3685590A38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590800" y="3581400"/>
              <a:ext cx="967740" cy="74295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9" name="圓角矩形 10">
              <a:extLst>
                <a:ext uri="{FF2B5EF4-FFF2-40B4-BE49-F238E27FC236}">
                  <a16:creationId xmlns:a16="http://schemas.microsoft.com/office/drawing/2014/main" id="{FA9ECE90-DA16-C473-7757-DD98AA6EA125}"/>
                </a:ext>
              </a:extLst>
            </p:cNvPr>
            <p:cNvSpPr/>
            <p:nvPr/>
          </p:nvSpPr>
          <p:spPr>
            <a:xfrm>
              <a:off x="804153" y="4247743"/>
              <a:ext cx="1843578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Photos about the entry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2FF8E0E5-88CC-B9C4-C5FD-7676144ABE48}"/>
              </a:ext>
            </a:extLst>
          </p:cNvPr>
          <p:cNvGrpSpPr/>
          <p:nvPr/>
        </p:nvGrpSpPr>
        <p:grpSpPr>
          <a:xfrm>
            <a:off x="804153" y="4324350"/>
            <a:ext cx="2813475" cy="2258033"/>
            <a:chOff x="804153" y="4324350"/>
            <a:chExt cx="2813475" cy="2258033"/>
          </a:xfrm>
        </p:grpSpPr>
        <p:sp>
          <p:nvSpPr>
            <p:cNvPr id="40" name="圓角矩形 10">
              <a:extLst>
                <a:ext uri="{FF2B5EF4-FFF2-40B4-BE49-F238E27FC236}">
                  <a16:creationId xmlns:a16="http://schemas.microsoft.com/office/drawing/2014/main" id="{9A964836-021B-1F77-5014-1752DF8F25CD}"/>
                </a:ext>
              </a:extLst>
            </p:cNvPr>
            <p:cNvSpPr/>
            <p:nvPr/>
          </p:nvSpPr>
          <p:spPr>
            <a:xfrm>
              <a:off x="804153" y="5351207"/>
              <a:ext cx="1530485" cy="818121"/>
            </a:xfrm>
            <a:prstGeom prst="roundRect">
              <a:avLst>
                <a:gd name="adj" fmla="val 13198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Readers’ comment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sp>
          <p:nvSpPr>
            <p:cNvPr id="41" name="Left Bracket 40">
              <a:extLst>
                <a:ext uri="{FF2B5EF4-FFF2-40B4-BE49-F238E27FC236}">
                  <a16:creationId xmlns:a16="http://schemas.microsoft.com/office/drawing/2014/main" id="{838B43BE-3E1A-A873-781E-08126E3F6883}"/>
                </a:ext>
              </a:extLst>
            </p:cNvPr>
            <p:cNvSpPr/>
            <p:nvPr/>
          </p:nvSpPr>
          <p:spPr>
            <a:xfrm>
              <a:off x="3488987" y="4324350"/>
              <a:ext cx="128641" cy="2258033"/>
            </a:xfrm>
            <a:prstGeom prst="leftBracket">
              <a:avLst>
                <a:gd name="adj" fmla="val 0"/>
              </a:avLst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3F65598A-1634-34B0-75AF-8CA7053C82F7}"/>
                </a:ext>
              </a:extLst>
            </p:cNvPr>
            <p:cNvCxnSpPr>
              <a:stCxn id="40" idx="3"/>
              <a:endCxn id="41" idx="1"/>
            </p:cNvCxnSpPr>
            <p:nvPr/>
          </p:nvCxnSpPr>
          <p:spPr>
            <a:xfrm flipV="1">
              <a:off x="2334638" y="5453367"/>
              <a:ext cx="1154349" cy="306901"/>
            </a:xfrm>
            <a:prstGeom prst="line">
              <a:avLst/>
            </a:prstGeom>
            <a:ln w="12700">
              <a:solidFill>
                <a:srgbClr val="18A74B"/>
              </a:solidFill>
              <a:headEnd w="med" len="med"/>
              <a:tailEnd type="none" w="med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Rectangle 16">
            <a:extLst>
              <a:ext uri="{FF2B5EF4-FFF2-40B4-BE49-F238E27FC236}">
                <a16:creationId xmlns:a16="http://schemas.microsoft.com/office/drawing/2014/main" id="{7918CEDC-EBB4-367C-1C26-E6A798566B62}"/>
              </a:ext>
            </a:extLst>
          </p:cNvPr>
          <p:cNvSpPr/>
          <p:nvPr/>
        </p:nvSpPr>
        <p:spPr>
          <a:xfrm>
            <a:off x="-6485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C2D68138-FA97-BFA9-EF9F-4C987F56047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4182" y="2763868"/>
            <a:ext cx="11083636" cy="248461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9" name="Rectangle 16">
            <a:extLst>
              <a:ext uri="{FF2B5EF4-FFF2-40B4-BE49-F238E27FC236}">
                <a16:creationId xmlns:a16="http://schemas.microsoft.com/office/drawing/2014/main" id="{3A2B162E-DD02-6321-CC65-025CF4158410}"/>
              </a:ext>
            </a:extLst>
          </p:cNvPr>
          <p:cNvSpPr/>
          <p:nvPr/>
        </p:nvSpPr>
        <p:spPr>
          <a:xfrm>
            <a:off x="0" y="1348913"/>
            <a:ext cx="12198485" cy="5509087"/>
          </a:xfrm>
          <a:custGeom>
            <a:avLst/>
            <a:gdLst>
              <a:gd name="connsiteX0" fmla="*/ 0 w 10538298"/>
              <a:gd name="connsiteY0" fmla="*/ 0 h 5509087"/>
              <a:gd name="connsiteX1" fmla="*/ 10538298 w 10538298"/>
              <a:gd name="connsiteY1" fmla="*/ 0 h 5509087"/>
              <a:gd name="connsiteX2" fmla="*/ 10538298 w 10538298"/>
              <a:gd name="connsiteY2" fmla="*/ 5509087 h 5509087"/>
              <a:gd name="connsiteX3" fmla="*/ 0 w 10538298"/>
              <a:gd name="connsiteY3" fmla="*/ 5509087 h 5509087"/>
              <a:gd name="connsiteX4" fmla="*/ 0 w 10538298"/>
              <a:gd name="connsiteY4" fmla="*/ 0 h 5509087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0 w 10538298"/>
              <a:gd name="connsiteY4" fmla="*/ 0 h 5515572"/>
              <a:gd name="connsiteX0" fmla="*/ 0 w 10538298"/>
              <a:gd name="connsiteY0" fmla="*/ 0 h 5515572"/>
              <a:gd name="connsiteX1" fmla="*/ 10538298 w 10538298"/>
              <a:gd name="connsiteY1" fmla="*/ 0 h 5515572"/>
              <a:gd name="connsiteX2" fmla="*/ 10538298 w 10538298"/>
              <a:gd name="connsiteY2" fmla="*/ 5509087 h 5515572"/>
              <a:gd name="connsiteX3" fmla="*/ 745787 w 10538298"/>
              <a:gd name="connsiteY3" fmla="*/ 5515572 h 5515572"/>
              <a:gd name="connsiteX4" fmla="*/ 259404 w 10538298"/>
              <a:gd name="connsiteY4" fmla="*/ 1997401 h 5515572"/>
              <a:gd name="connsiteX5" fmla="*/ 0 w 10538298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0 w 10544783"/>
              <a:gd name="connsiteY4" fmla="*/ 4727631 h 5515572"/>
              <a:gd name="connsiteX5" fmla="*/ 6485 w 10544783"/>
              <a:gd name="connsiteY5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356682 w 10544783"/>
              <a:gd name="connsiteY4" fmla="*/ 5097282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4708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15572"/>
              <a:gd name="connsiteX1" fmla="*/ 10544783 w 10544783"/>
              <a:gd name="connsiteY1" fmla="*/ 0 h 5515572"/>
              <a:gd name="connsiteX2" fmla="*/ 10544783 w 10544783"/>
              <a:gd name="connsiteY2" fmla="*/ 5509087 h 5515572"/>
              <a:gd name="connsiteX3" fmla="*/ 752272 w 10544783"/>
              <a:gd name="connsiteY3" fmla="*/ 5515572 h 5515572"/>
              <a:gd name="connsiteX4" fmla="*/ 758759 w 10544783"/>
              <a:gd name="connsiteY4" fmla="*/ 4721146 h 5515572"/>
              <a:gd name="connsiteX5" fmla="*/ 0 w 10544783"/>
              <a:gd name="connsiteY5" fmla="*/ 4727631 h 5515572"/>
              <a:gd name="connsiteX6" fmla="*/ 6485 w 10544783"/>
              <a:gd name="connsiteY6" fmla="*/ 0 h 5515572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758759 w 10544783"/>
              <a:gd name="connsiteY4" fmla="*/ 4721146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752272 w 10544783"/>
              <a:gd name="connsiteY3" fmla="*/ 5502602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66294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714661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6485 w 10544783"/>
              <a:gd name="connsiteY0" fmla="*/ 0 h 5509087"/>
              <a:gd name="connsiteX1" fmla="*/ 10544783 w 10544783"/>
              <a:gd name="connsiteY1" fmla="*/ 0 h 5509087"/>
              <a:gd name="connsiteX2" fmla="*/ 10544783 w 10544783"/>
              <a:gd name="connsiteY2" fmla="*/ 5509087 h 5509087"/>
              <a:gd name="connsiteX3" fmla="*/ 834505 w 10544783"/>
              <a:gd name="connsiteY3" fmla="*/ 5509087 h 5509087"/>
              <a:gd name="connsiteX4" fmla="*/ 847318 w 10544783"/>
              <a:gd name="connsiteY4" fmla="*/ 4837878 h 5509087"/>
              <a:gd name="connsiteX5" fmla="*/ 0 w 10544783"/>
              <a:gd name="connsiteY5" fmla="*/ 4727631 h 5509087"/>
              <a:gd name="connsiteX6" fmla="*/ 6485 w 10544783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37878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40831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53644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859809 w 10551109"/>
              <a:gd name="connsiteY3" fmla="*/ 5509087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86629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48952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11937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18423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2811 w 10551109"/>
              <a:gd name="connsiteY0" fmla="*/ 0 h 5509087"/>
              <a:gd name="connsiteX1" fmla="*/ 10551109 w 10551109"/>
              <a:gd name="connsiteY1" fmla="*/ 0 h 5509087"/>
              <a:gd name="connsiteX2" fmla="*/ 10551109 w 10551109"/>
              <a:gd name="connsiteY2" fmla="*/ 5509087 h 5509087"/>
              <a:gd name="connsiteX3" fmla="*/ 1353691 w 10551109"/>
              <a:gd name="connsiteY3" fmla="*/ 5502602 h 5509087"/>
              <a:gd name="connsiteX4" fmla="*/ 1354565 w 10551109"/>
              <a:gd name="connsiteY4" fmla="*/ 4863819 h 5509087"/>
              <a:gd name="connsiteX5" fmla="*/ 0 w 10551109"/>
              <a:gd name="connsiteY5" fmla="*/ 4863818 h 5509087"/>
              <a:gd name="connsiteX6" fmla="*/ 12811 w 10551109"/>
              <a:gd name="connsiteY6" fmla="*/ 0 h 5509087"/>
              <a:gd name="connsiteX0" fmla="*/ 18423 w 10556721"/>
              <a:gd name="connsiteY0" fmla="*/ 0 h 5509087"/>
              <a:gd name="connsiteX1" fmla="*/ 10556721 w 10556721"/>
              <a:gd name="connsiteY1" fmla="*/ 0 h 5509087"/>
              <a:gd name="connsiteX2" fmla="*/ 10556721 w 10556721"/>
              <a:gd name="connsiteY2" fmla="*/ 5509087 h 5509087"/>
              <a:gd name="connsiteX3" fmla="*/ 1359303 w 10556721"/>
              <a:gd name="connsiteY3" fmla="*/ 5502602 h 5509087"/>
              <a:gd name="connsiteX4" fmla="*/ 1360177 w 10556721"/>
              <a:gd name="connsiteY4" fmla="*/ 4863819 h 5509087"/>
              <a:gd name="connsiteX5" fmla="*/ 0 w 10556721"/>
              <a:gd name="connsiteY5" fmla="*/ 4889759 h 5509087"/>
              <a:gd name="connsiteX6" fmla="*/ 18423 w 10556721"/>
              <a:gd name="connsiteY6" fmla="*/ 0 h 550908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0556721" h="5509087">
                <a:moveTo>
                  <a:pt x="18423" y="0"/>
                </a:moveTo>
                <a:lnTo>
                  <a:pt x="10556721" y="0"/>
                </a:lnTo>
                <a:lnTo>
                  <a:pt x="10556721" y="5509087"/>
                </a:lnTo>
                <a:lnTo>
                  <a:pt x="1359303" y="5502602"/>
                </a:lnTo>
                <a:cubicBezTo>
                  <a:pt x="1361465" y="5246440"/>
                  <a:pt x="1358015" y="5119981"/>
                  <a:pt x="1360177" y="4863819"/>
                </a:cubicBezTo>
                <a:lnTo>
                  <a:pt x="0" y="4889759"/>
                </a:lnTo>
                <a:cubicBezTo>
                  <a:pt x="2162" y="3313882"/>
                  <a:pt x="16261" y="1575877"/>
                  <a:pt x="18423" y="0"/>
                </a:cubicBezTo>
                <a:close/>
              </a:path>
            </a:pathLst>
          </a:cu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4" name="Picture 23">
            <a:extLst>
              <a:ext uri="{FF2B5EF4-FFF2-40B4-BE49-F238E27FC236}">
                <a16:creationId xmlns:a16="http://schemas.microsoft.com/office/drawing/2014/main" id="{E9F6F959-6D1F-05DB-91F3-769D083AFA2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83324" y="1756361"/>
            <a:ext cx="7025352" cy="4683568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058065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3.7037E-6 L 0.39245 0.0625 " pathEditMode="relative" rAng="0" ptsTypes="AA">
                                      <p:cBhvr>
                                        <p:cTn id="9" dur="500" spd="-100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9622" y="3125"/>
                                    </p:animMotion>
                                  </p:childTnLst>
                                </p:cTn>
                              </p:par>
                              <p:par>
                                <p:cTn id="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8A82EA6-5144-5352-BBEE-1AFB21523DB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6203280E-C2F6-131E-64ED-973E42029231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find Clara’s, Joseph’s and Rachel’s study tours fun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or interesting? Which tour is your </a:t>
            </a:r>
            <a:r>
              <a:rPr kumimoji="0" lang="en-GB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avourite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?</a:t>
            </a:r>
          </a:p>
        </p:txBody>
      </p:sp>
      <p:grpSp>
        <p:nvGrpSpPr>
          <p:cNvPr id="50" name="Group 49">
            <a:extLst>
              <a:ext uri="{FF2B5EF4-FFF2-40B4-BE49-F238E27FC236}">
                <a16:creationId xmlns:a16="http://schemas.microsoft.com/office/drawing/2014/main" id="{98353FE7-A357-77E6-0DC4-BA658855B969}"/>
              </a:ext>
            </a:extLst>
          </p:cNvPr>
          <p:cNvGrpSpPr/>
          <p:nvPr/>
        </p:nvGrpSpPr>
        <p:grpSpPr>
          <a:xfrm>
            <a:off x="255415" y="1741225"/>
            <a:ext cx="3681932" cy="4307874"/>
            <a:chOff x="255415" y="1587769"/>
            <a:chExt cx="3681932" cy="430787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grpSp>
          <p:nvGrpSpPr>
            <p:cNvPr id="49" name="Group 48">
              <a:extLst>
                <a:ext uri="{FF2B5EF4-FFF2-40B4-BE49-F238E27FC236}">
                  <a16:creationId xmlns:a16="http://schemas.microsoft.com/office/drawing/2014/main" id="{93838185-B284-0AE9-56F7-325B4C892313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1059489" y="2201969"/>
              <a:ext cx="2877858" cy="3693674"/>
              <a:chOff x="2065429" y="2058999"/>
              <a:chExt cx="3384000" cy="4343297"/>
            </a:xfrm>
          </p:grpSpPr>
          <p:pic>
            <p:nvPicPr>
              <p:cNvPr id="46" name="Picture 45" descr="A large stone arch with a large arch and a road with cars in the background with Arc de Triomphe in the background&#10;&#10;AI-generated content may be incorrect.">
                <a:extLst>
                  <a:ext uri="{FF2B5EF4-FFF2-40B4-BE49-F238E27FC236}">
                    <a16:creationId xmlns:a16="http://schemas.microsoft.com/office/drawing/2014/main" id="{6FD495D7-B368-31DC-2209-F0F527B2CC3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065429" y="2058999"/>
                <a:ext cx="3384000" cy="2155111"/>
              </a:xfrm>
              <a:prstGeom prst="rect">
                <a:avLst/>
              </a:prstGeom>
            </p:spPr>
          </p:pic>
          <p:pic>
            <p:nvPicPr>
              <p:cNvPr id="47" name="Picture 46" descr="A tower next to a body of water&#10;&#10;AI-generated content may be incorrect.">
                <a:extLst>
                  <a:ext uri="{FF2B5EF4-FFF2-40B4-BE49-F238E27FC236}">
                    <a16:creationId xmlns:a16="http://schemas.microsoft.com/office/drawing/2014/main" id="{CF8C681A-F6D0-B1A8-1402-A9C3C928AFE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065429" y="4280073"/>
                <a:ext cx="1643326" cy="2122223"/>
              </a:xfrm>
              <a:prstGeom prst="rect">
                <a:avLst/>
              </a:prstGeom>
            </p:spPr>
          </p:pic>
          <p:pic>
            <p:nvPicPr>
              <p:cNvPr id="48" name="Picture 47" descr="A group of pastries on a shelf&#10;&#10;AI-generated content may be incorrect.">
                <a:extLst>
                  <a:ext uri="{FF2B5EF4-FFF2-40B4-BE49-F238E27FC236}">
                    <a16:creationId xmlns:a16="http://schemas.microsoft.com/office/drawing/2014/main" id="{21128A35-D975-0764-A7E1-E48A5D36320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3768950" y="4280073"/>
                <a:ext cx="1680479" cy="2122223"/>
              </a:xfrm>
              <a:prstGeom prst="rect">
                <a:avLst/>
              </a:prstGeom>
            </p:spPr>
          </p:pic>
        </p:grpSp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D1D36362-A4D8-384F-C29C-60123BA2406E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255415" y="1587769"/>
              <a:ext cx="1496292" cy="1496292"/>
            </a:xfrm>
            <a:prstGeom prst="ellipse">
              <a:avLst/>
            </a:prstGeom>
          </p:spPr>
        </p:pic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D08FBD05-AEED-AF29-E407-0C50EA0A19BE}"/>
              </a:ext>
            </a:extLst>
          </p:cNvPr>
          <p:cNvGrpSpPr>
            <a:grpSpLocks noChangeAspect="1"/>
          </p:cNvGrpSpPr>
          <p:nvPr/>
        </p:nvGrpSpPr>
        <p:grpSpPr>
          <a:xfrm>
            <a:off x="4346209" y="1738386"/>
            <a:ext cx="3499582" cy="4310713"/>
            <a:chOff x="4116530" y="1792390"/>
            <a:chExt cx="3499582" cy="4310713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23" name="Picture 22" descr="A red bus on the road&#10;&#10;AI-generated content may be incorrect.">
              <a:extLst>
                <a:ext uri="{FF2B5EF4-FFF2-40B4-BE49-F238E27FC236}">
                  <a16:creationId xmlns:a16="http://schemas.microsoft.com/office/drawing/2014/main" id="{2D380E85-5DE3-8E70-4A34-AAFC8EA8FDBD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4738255" y="2406590"/>
              <a:ext cx="2877857" cy="3696513"/>
            </a:xfrm>
            <a:prstGeom prst="rect">
              <a:avLst/>
            </a:prstGeom>
            <a:effectLst/>
          </p:spPr>
        </p:pic>
        <p:pic>
          <p:nvPicPr>
            <p:cNvPr id="25" name="Picture 24" descr="A young child smiling at the camera&#10;&#10;AI-generated content may be incorrect.">
              <a:extLst>
                <a:ext uri="{FF2B5EF4-FFF2-40B4-BE49-F238E27FC236}">
                  <a16:creationId xmlns:a16="http://schemas.microsoft.com/office/drawing/2014/main" id="{37DA6476-C533-EB1F-A52A-2D4160CDCE4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9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4116530" y="1792390"/>
              <a:ext cx="1497600" cy="1497600"/>
            </a:xfrm>
            <a:prstGeom prst="ellipse">
              <a:avLst/>
            </a:prstGeom>
          </p:spPr>
        </p:pic>
      </p:grpSp>
      <p:grpSp>
        <p:nvGrpSpPr>
          <p:cNvPr id="62" name="Group 61">
            <a:extLst>
              <a:ext uri="{FF2B5EF4-FFF2-40B4-BE49-F238E27FC236}">
                <a16:creationId xmlns:a16="http://schemas.microsoft.com/office/drawing/2014/main" id="{8000089A-7E23-85D0-58AE-40E7BB253496}"/>
              </a:ext>
            </a:extLst>
          </p:cNvPr>
          <p:cNvGrpSpPr/>
          <p:nvPr/>
        </p:nvGrpSpPr>
        <p:grpSpPr>
          <a:xfrm>
            <a:off x="8354719" y="1738386"/>
            <a:ext cx="3491418" cy="4310713"/>
            <a:chOff x="8370204" y="1584930"/>
            <a:chExt cx="3491418" cy="4310713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grpSp>
          <p:nvGrpSpPr>
            <p:cNvPr id="61" name="Group 60">
              <a:extLst>
                <a:ext uri="{FF2B5EF4-FFF2-40B4-BE49-F238E27FC236}">
                  <a16:creationId xmlns:a16="http://schemas.microsoft.com/office/drawing/2014/main" id="{F71DB88B-E719-CFA0-6EA9-1EDE2A698C88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8585721" y="2206620"/>
              <a:ext cx="3275901" cy="3689023"/>
              <a:chOff x="3323934" y="301412"/>
              <a:chExt cx="5544133" cy="6243300"/>
            </a:xfrm>
          </p:grpSpPr>
          <p:pic>
            <p:nvPicPr>
              <p:cNvPr id="59" name="Picture 58" descr="Mount Fuji with snow on top&#10;&#10;AI-generated content may be incorrect.">
                <a:extLst>
                  <a:ext uri="{FF2B5EF4-FFF2-40B4-BE49-F238E27FC236}">
                    <a16:creationId xmlns:a16="http://schemas.microsoft.com/office/drawing/2014/main" id="{9A7D3B81-BC82-F72D-8A28-72CEAA1310F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0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3323934" y="301412"/>
                <a:ext cx="5544133" cy="3040265"/>
              </a:xfrm>
              <a:prstGeom prst="rect">
                <a:avLst/>
              </a:prstGeom>
            </p:spPr>
          </p:pic>
          <p:pic>
            <p:nvPicPr>
              <p:cNvPr id="60" name="Picture 59" descr="A bowl of green tea on a napkin&#10;&#10;AI-generated content may be incorrect.">
                <a:extLst>
                  <a:ext uri="{FF2B5EF4-FFF2-40B4-BE49-F238E27FC236}">
                    <a16:creationId xmlns:a16="http://schemas.microsoft.com/office/drawing/2014/main" id="{94B659AA-2D8B-E4B7-9280-13439232674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1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3323934" y="3341677"/>
                <a:ext cx="5544000" cy="3203035"/>
              </a:xfrm>
              <a:prstGeom prst="rect">
                <a:avLst/>
              </a:prstGeom>
            </p:spPr>
          </p:pic>
        </p:grpSp>
        <p:pic>
          <p:nvPicPr>
            <p:cNvPr id="52" name="Picture 51" descr="A child eating a slice of watermelon&#10;&#10;AI-generated content may be incorrect.">
              <a:extLst>
                <a:ext uri="{FF2B5EF4-FFF2-40B4-BE49-F238E27FC236}">
                  <a16:creationId xmlns:a16="http://schemas.microsoft.com/office/drawing/2014/main" id="{A79DAADC-FB0E-D53B-B2CD-237E6110AE2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2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8370204" y="1584930"/>
              <a:ext cx="1497600" cy="1497600"/>
            </a:xfrm>
            <a:prstGeom prst="ellipse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42142547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7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500"/>
                            </p:stCondLst>
                            <p:childTnLst>
                              <p:par>
                                <p:cTn id="13" presetID="17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7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6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6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2E7550EC-B378-2BF2-F3D8-77E072C9E68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82198" y="3324919"/>
            <a:ext cx="8827603" cy="323349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8039759-0DAF-E8E2-C771-447AA330E5A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9887" y="1429364"/>
            <a:ext cx="8770892" cy="1798190"/>
          </a:xfrm>
          <a:prstGeom prst="rect">
            <a:avLst/>
          </a:prstGeom>
        </p:spPr>
      </p:pic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4E40E205-24C0-5495-D90F-8DF2D9B0AB25}"/>
              </a:ext>
            </a:extLst>
          </p:cNvPr>
          <p:cNvCxnSpPr>
            <a:cxnSpLocks/>
          </p:cNvCxnSpPr>
          <p:nvPr/>
        </p:nvCxnSpPr>
        <p:spPr>
          <a:xfrm>
            <a:off x="2994935" y="4092520"/>
            <a:ext cx="1765132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Oval 6">
            <a:extLst>
              <a:ext uri="{FF2B5EF4-FFF2-40B4-BE49-F238E27FC236}">
                <a16:creationId xmlns:a16="http://schemas.microsoft.com/office/drawing/2014/main" id="{7B58B65B-1331-507D-B95D-86B55027D2E5}"/>
              </a:ext>
            </a:extLst>
          </p:cNvPr>
          <p:cNvSpPr>
            <a:spLocks noChangeAspect="1"/>
          </p:cNvSpPr>
          <p:nvPr/>
        </p:nvSpPr>
        <p:spPr>
          <a:xfrm>
            <a:off x="5918959" y="2349893"/>
            <a:ext cx="288000" cy="28800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3BC3FBA2-360A-7B43-05DE-D98FC4473012}"/>
              </a:ext>
            </a:extLst>
          </p:cNvPr>
          <p:cNvSpPr txBox="1"/>
          <p:nvPr/>
        </p:nvSpPr>
        <p:spPr>
          <a:xfrm>
            <a:off x="5497375" y="3457099"/>
            <a:ext cx="4911220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zh-TW" sz="2000" b="0" u="none" strike="noStrike" dirty="0">
                <a:solidFill>
                  <a:srgbClr val="FF0000"/>
                </a:solidFill>
                <a:effectLst/>
              </a:rPr>
              <a:t>Clara posted the blog entry </a:t>
            </a:r>
            <a:r>
              <a:rPr lang="en-US" altLang="zh-TW" sz="2000" b="1" u="sng" strike="noStrike" dirty="0">
                <a:solidFill>
                  <a:srgbClr val="FF0000"/>
                </a:solidFill>
                <a:effectLst/>
              </a:rPr>
              <a:t>a short time after</a:t>
            </a:r>
            <a:r>
              <a:rPr lang="en-US" altLang="zh-TW" sz="2000" b="1" strike="noStrike" dirty="0">
                <a:solidFill>
                  <a:srgbClr val="FF0000"/>
                </a:solidFill>
                <a:effectLst/>
              </a:rPr>
              <a:t> </a:t>
            </a:r>
            <a:r>
              <a:rPr lang="en-US" altLang="zh-TW" sz="2000" b="0" u="none" strike="noStrike" dirty="0">
                <a:solidFill>
                  <a:srgbClr val="FF0000"/>
                </a:solidFill>
                <a:effectLst/>
              </a:rPr>
              <a:t>she came back from France. </a:t>
            </a:r>
            <a:endParaRPr lang="en-GB" sz="6600" dirty="0"/>
          </a:p>
        </p:txBody>
      </p: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E5038E29-3A3E-73F0-9203-B1F393789135}"/>
              </a:ext>
            </a:extLst>
          </p:cNvPr>
          <p:cNvCxnSpPr>
            <a:cxnSpLocks/>
          </p:cNvCxnSpPr>
          <p:nvPr/>
        </p:nvCxnSpPr>
        <p:spPr>
          <a:xfrm>
            <a:off x="3685598" y="4569175"/>
            <a:ext cx="6264000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95997078-24AB-2A09-8329-2E7B52B43E2E}"/>
              </a:ext>
            </a:extLst>
          </p:cNvPr>
          <p:cNvCxnSpPr>
            <a:cxnSpLocks/>
          </p:cNvCxnSpPr>
          <p:nvPr/>
        </p:nvCxnSpPr>
        <p:spPr>
          <a:xfrm>
            <a:off x="3685598" y="4831822"/>
            <a:ext cx="750197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矩形 20">
            <a:extLst>
              <a:ext uri="{FF2B5EF4-FFF2-40B4-BE49-F238E27FC236}">
                <a16:creationId xmlns:a16="http://schemas.microsoft.com/office/drawing/2014/main" id="{B2EC1682-975B-C219-AE98-1F682B5A2903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pic>
        <p:nvPicPr>
          <p:cNvPr id="2" name="Ans">
            <a:extLst>
              <a:ext uri="{FF2B5EF4-FFF2-40B4-BE49-F238E27FC236}">
                <a16:creationId xmlns:a16="http://schemas.microsoft.com/office/drawing/2014/main" id="{038582DC-2BDF-CCF4-A909-C2C7F498CBA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340726" y="1831311"/>
            <a:ext cx="451861" cy="468000"/>
          </a:xfrm>
          <a:prstGeom prst="rect">
            <a:avLst/>
          </a:prstGeom>
        </p:spPr>
      </p:pic>
      <p:pic>
        <p:nvPicPr>
          <p:cNvPr id="3" name="Hint">
            <a:extLst>
              <a:ext uri="{FF2B5EF4-FFF2-40B4-BE49-F238E27FC236}">
                <a16:creationId xmlns:a16="http://schemas.microsoft.com/office/drawing/2014/main" id="{62D85E83-6A33-4887-39D5-22ECAE7B7E48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324299" y="2437469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92180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750"/>
                            </p:stCondLst>
                            <p:childTnLst>
                              <p:par>
                                <p:cTn id="2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16" grpId="0"/>
      <p:bldP spid="16" grpId="1"/>
    </p:bldLst>
  </p:timing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BD51671-7A05-C1C9-4F3D-AE579962325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5CF16EE4-56B4-DB32-CAD2-42D580381549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b="76899"/>
          <a:stretch/>
        </p:blipFill>
        <p:spPr>
          <a:xfrm>
            <a:off x="709887" y="1429364"/>
            <a:ext cx="8770892" cy="415404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503E3AF5-87B8-78D4-A74E-D929C6E7A695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t="16347"/>
          <a:stretch/>
        </p:blipFill>
        <p:spPr>
          <a:xfrm>
            <a:off x="554182" y="3510266"/>
            <a:ext cx="11083636" cy="24184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6FF392E7-3EBC-3B97-4F01-ACBBC98E3D77}"/>
              </a:ext>
            </a:extLst>
          </p:cNvPr>
          <p:cNvPicPr>
            <a:picLocks noChangeAspect="1"/>
          </p:cNvPicPr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709887" y="1844768"/>
            <a:ext cx="8770892" cy="1395798"/>
          </a:xfrm>
          <a:prstGeom prst="rect">
            <a:avLst/>
          </a:prstGeom>
        </p:spPr>
      </p:pic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82ADF620-08DB-5A28-AB61-0287D94DF105}"/>
              </a:ext>
            </a:extLst>
          </p:cNvPr>
          <p:cNvCxnSpPr>
            <a:cxnSpLocks/>
          </p:cNvCxnSpPr>
          <p:nvPr/>
        </p:nvCxnSpPr>
        <p:spPr>
          <a:xfrm>
            <a:off x="6049422" y="5140805"/>
            <a:ext cx="2296910" cy="0"/>
          </a:xfrm>
          <a:prstGeom prst="line">
            <a:avLst/>
          </a:prstGeom>
          <a:ln w="28575">
            <a:solidFill>
              <a:srgbClr val="FF000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Oval 6">
            <a:extLst>
              <a:ext uri="{FF2B5EF4-FFF2-40B4-BE49-F238E27FC236}">
                <a16:creationId xmlns:a16="http://schemas.microsoft.com/office/drawing/2014/main" id="{9397BCF1-0AC7-214A-9ED8-AC6566F3EBEF}"/>
              </a:ext>
            </a:extLst>
          </p:cNvPr>
          <p:cNvSpPr>
            <a:spLocks noChangeAspect="1"/>
          </p:cNvSpPr>
          <p:nvPr/>
        </p:nvSpPr>
        <p:spPr>
          <a:xfrm>
            <a:off x="1342415" y="2804901"/>
            <a:ext cx="288000" cy="28800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12" name="Graphic 11" descr="Checkmark with solid fill">
            <a:extLst>
              <a:ext uri="{FF2B5EF4-FFF2-40B4-BE49-F238E27FC236}">
                <a16:creationId xmlns:a16="http://schemas.microsoft.com/office/drawing/2014/main" id="{6AEBB559-C152-5C99-B4ED-BB386523F0E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9404900" y="2801803"/>
            <a:ext cx="329119" cy="329119"/>
          </a:xfrm>
          <a:prstGeom prst="rect">
            <a:avLst/>
          </a:prstGeom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C6B9C405-FDA8-753A-6FD0-1B63D3FB17C6}"/>
              </a:ext>
            </a:extLst>
          </p:cNvPr>
          <p:cNvCxnSpPr>
            <a:cxnSpLocks/>
          </p:cNvCxnSpPr>
          <p:nvPr/>
        </p:nvCxnSpPr>
        <p:spPr>
          <a:xfrm>
            <a:off x="3646690" y="5481274"/>
            <a:ext cx="5472000" cy="0"/>
          </a:xfrm>
          <a:prstGeom prst="line">
            <a:avLst/>
          </a:prstGeom>
          <a:ln w="28575">
            <a:solidFill>
              <a:srgbClr val="00B05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7" name="Graphic 16" descr="Checkmark with solid fill">
            <a:extLst>
              <a:ext uri="{FF2B5EF4-FFF2-40B4-BE49-F238E27FC236}">
                <a16:creationId xmlns:a16="http://schemas.microsoft.com/office/drawing/2014/main" id="{8B75AD68-2FEC-E62C-A0C1-1D5E835DA76A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4323819" y="2352167"/>
            <a:ext cx="329119" cy="329119"/>
          </a:xfrm>
          <a:prstGeom prst="rect">
            <a:avLst/>
          </a:prstGeom>
        </p:spPr>
      </p:pic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74EECC46-7D87-5AD4-8F91-5C61A34C0657}"/>
              </a:ext>
            </a:extLst>
          </p:cNvPr>
          <p:cNvCxnSpPr>
            <a:cxnSpLocks/>
          </p:cNvCxnSpPr>
          <p:nvPr/>
        </p:nvCxnSpPr>
        <p:spPr>
          <a:xfrm>
            <a:off x="1706281" y="5808771"/>
            <a:ext cx="2952000" cy="0"/>
          </a:xfrm>
          <a:prstGeom prst="line">
            <a:avLst/>
          </a:prstGeom>
          <a:ln w="28575">
            <a:solidFill>
              <a:srgbClr val="00B0F0"/>
            </a:solidFill>
            <a:headEnd w="med" len="med"/>
            <a:tailEnd type="none" w="med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9" name="Graphic 18" descr="Checkmark with solid fill">
            <a:extLst>
              <a:ext uri="{FF2B5EF4-FFF2-40B4-BE49-F238E27FC236}">
                <a16:creationId xmlns:a16="http://schemas.microsoft.com/office/drawing/2014/main" id="{EBD0DB53-0E9A-E20B-A74D-C0FABF0DCD10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8297354" y="2352167"/>
            <a:ext cx="329119" cy="329119"/>
          </a:xfrm>
          <a:prstGeom prst="rect">
            <a:avLst/>
          </a:prstGeom>
        </p:spPr>
      </p:pic>
      <p:sp>
        <p:nvSpPr>
          <p:cNvPr id="20" name="矩形 20">
            <a:extLst>
              <a:ext uri="{FF2B5EF4-FFF2-40B4-BE49-F238E27FC236}">
                <a16:creationId xmlns:a16="http://schemas.microsoft.com/office/drawing/2014/main" id="{C53B1F74-ED98-0C8F-C3A2-AC3947852422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pic>
        <p:nvPicPr>
          <p:cNvPr id="4" name="Ans">
            <a:extLst>
              <a:ext uri="{FF2B5EF4-FFF2-40B4-BE49-F238E27FC236}">
                <a16:creationId xmlns:a16="http://schemas.microsoft.com/office/drawing/2014/main" id="{14EE36C9-F05A-2EA6-041E-25A441AB714B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rcRect/>
          <a:stretch/>
        </p:blipFill>
        <p:spPr>
          <a:xfrm>
            <a:off x="340726" y="1831311"/>
            <a:ext cx="451861" cy="468000"/>
          </a:xfrm>
          <a:prstGeom prst="rect">
            <a:avLst/>
          </a:prstGeom>
        </p:spPr>
      </p:pic>
      <p:pic>
        <p:nvPicPr>
          <p:cNvPr id="8" name="Hint">
            <a:extLst>
              <a:ext uri="{FF2B5EF4-FFF2-40B4-BE49-F238E27FC236}">
                <a16:creationId xmlns:a16="http://schemas.microsoft.com/office/drawing/2014/main" id="{FE4BC049-A224-BBCD-70CD-C7FB013B0ABC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/>
        </p:blipFill>
        <p:spPr>
          <a:xfrm>
            <a:off x="324299" y="2437469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580866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000"/>
                            </p:stCondLst>
                            <p:childTnLst>
                              <p:par>
                                <p:cTn id="1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000"/>
                            </p:stCondLst>
                            <p:childTnLst>
                              <p:par>
                                <p:cTn id="2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50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1" fill="hold">
                      <p:stCondLst>
                        <p:cond delay="0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</p:bldLst>
  </p:timing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6890FAF-CD69-2526-776C-3D62C3CB3A3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E81EA8FF-830F-9F2F-E5FA-04E2D6BFC138}"/>
              </a:ext>
            </a:extLst>
          </p:cNvPr>
          <p:cNvPicPr>
            <a:picLocks noChangeAspect="1"/>
          </p:cNvPicPr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709887" y="1830713"/>
            <a:ext cx="8770892" cy="2389203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6521EF40-DC67-AAC7-552C-72E2B9AFB7FA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b="76899"/>
          <a:stretch/>
        </p:blipFill>
        <p:spPr>
          <a:xfrm>
            <a:off x="709887" y="1429364"/>
            <a:ext cx="8770892" cy="415404"/>
          </a:xfrm>
          <a:prstGeom prst="rect">
            <a:avLst/>
          </a:prstGeom>
        </p:spPr>
      </p:pic>
      <p:sp>
        <p:nvSpPr>
          <p:cNvPr id="11" name="矩形 20">
            <a:extLst>
              <a:ext uri="{FF2B5EF4-FFF2-40B4-BE49-F238E27FC236}">
                <a16:creationId xmlns:a16="http://schemas.microsoft.com/office/drawing/2014/main" id="{6621008B-60C6-1920-954D-D39EA33C24E8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33B57C05-B5B2-F1BE-2220-17F6C9CF3BB4}"/>
              </a:ext>
            </a:extLst>
          </p:cNvPr>
          <p:cNvSpPr>
            <a:spLocks noChangeAspect="1"/>
          </p:cNvSpPr>
          <p:nvPr/>
        </p:nvSpPr>
        <p:spPr>
          <a:xfrm>
            <a:off x="1342418" y="3717045"/>
            <a:ext cx="288000" cy="288000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Rectangle 16">
            <a:extLst>
              <a:ext uri="{FF2B5EF4-FFF2-40B4-BE49-F238E27FC236}">
                <a16:creationId xmlns:a16="http://schemas.microsoft.com/office/drawing/2014/main" id="{801ABD6C-B303-3EEB-3F33-932FD2CBCE17}"/>
              </a:ext>
            </a:extLst>
          </p:cNvPr>
          <p:cNvSpPr/>
          <p:nvPr/>
        </p:nvSpPr>
        <p:spPr>
          <a:xfrm>
            <a:off x="0" y="2277428"/>
            <a:ext cx="12198485" cy="3649574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6DC0F917-113A-3162-46E7-3F251438099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240818" y="2636044"/>
            <a:ext cx="9710363" cy="355684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BA9E9121-D46E-49DF-C026-CD93EE6623E4}"/>
              </a:ext>
            </a:extLst>
          </p:cNvPr>
          <p:cNvSpPr txBox="1"/>
          <p:nvPr/>
        </p:nvSpPr>
        <p:spPr>
          <a:xfrm>
            <a:off x="5606213" y="2721114"/>
            <a:ext cx="4810616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zh-TW" sz="2000" b="0" u="none" strike="noStrike" dirty="0">
                <a:solidFill>
                  <a:srgbClr val="FF0000"/>
                </a:solidFill>
                <a:effectLst/>
              </a:rPr>
              <a:t>In the blog entry, Clara talks about what she did during the study tour.</a:t>
            </a:r>
            <a:endParaRPr lang="en-GB" sz="6600" dirty="0"/>
          </a:p>
        </p:txBody>
      </p:sp>
      <p:pic>
        <p:nvPicPr>
          <p:cNvPr id="3" name="Ans">
            <a:extLst>
              <a:ext uri="{FF2B5EF4-FFF2-40B4-BE49-F238E27FC236}">
                <a16:creationId xmlns:a16="http://schemas.microsoft.com/office/drawing/2014/main" id="{2E42196D-41F3-427A-B83B-AB13991D1D6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/>
        </p:blipFill>
        <p:spPr>
          <a:xfrm>
            <a:off x="340726" y="1831311"/>
            <a:ext cx="451861" cy="468000"/>
          </a:xfrm>
          <a:prstGeom prst="rect">
            <a:avLst/>
          </a:prstGeom>
        </p:spPr>
      </p:pic>
      <p:pic>
        <p:nvPicPr>
          <p:cNvPr id="4" name="Hint">
            <a:extLst>
              <a:ext uri="{FF2B5EF4-FFF2-40B4-BE49-F238E27FC236}">
                <a16:creationId xmlns:a16="http://schemas.microsoft.com/office/drawing/2014/main" id="{23E62C48-B778-67F2-5630-A0A0AF89DD9A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/>
        </p:blipFill>
        <p:spPr>
          <a:xfrm>
            <a:off x="324299" y="2437469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146131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15" grpId="0" animBg="1"/>
      <p:bldP spid="15" grpId="1" animBg="1"/>
      <p:bldP spid="16" grpId="0"/>
      <p:bldP spid="16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EA9A2C6-B353-8133-F151-1A3333D7A73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C73D0BF9-5D56-CF19-1FD8-AB90DACB90B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748411" y="2730229"/>
            <a:ext cx="3009090" cy="4014282"/>
          </a:xfrm>
          <a:prstGeom prst="rect">
            <a:avLst/>
          </a:prstGeom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254900F5-91A2-E458-FB8D-50AE9C89348A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person who writes a blog is called a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ger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C49F5970-D80E-DEE7-08D6-07275D37A49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269104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  <p:transition spd="slow">
    <p:push dir="u"/>
  </p:transition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/>
          <p:cNvSpPr txBox="1">
            <a:spLocks noChangeArrowheads="1"/>
          </p:cNvSpPr>
          <p:nvPr/>
        </p:nvSpPr>
        <p:spPr bwMode="auto">
          <a:xfrm>
            <a:off x="623293" y="612977"/>
            <a:ext cx="10945414" cy="440120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1400" b="1" dirty="0">
                <a:latin typeface="+mn-lt"/>
              </a:rPr>
              <a:t>Acknowledgements</a:t>
            </a:r>
            <a:endParaRPr lang="zh-TW" altLang="zh-HK" sz="1400" b="1" dirty="0">
              <a:latin typeface="+mn-lt"/>
            </a:endParaRPr>
          </a:p>
          <a:p>
            <a:pPr eaLnBrk="1" hangingPunct="1">
              <a:lnSpc>
                <a:spcPct val="100000"/>
              </a:lnSpc>
              <a:buSzTx/>
            </a:pPr>
            <a:endParaRPr lang="en-US" altLang="zh-HK" sz="1400" dirty="0">
              <a:latin typeface="+mn-lt"/>
            </a:endParaRPr>
          </a:p>
          <a:p>
            <a:pPr eaLnBrk="1" hangingPunct="1">
              <a:lnSpc>
                <a:spcPct val="100000"/>
              </a:lnSpc>
              <a:buSzTx/>
            </a:pPr>
            <a:r>
              <a:rPr lang="en-US" altLang="zh-HK" sz="1400" dirty="0">
                <a:latin typeface="+mn-lt"/>
              </a:rPr>
              <a:t>We would like to thank the following </a:t>
            </a:r>
            <a:r>
              <a:rPr lang="en-GB" altLang="zh-HK" sz="1400" dirty="0">
                <a:latin typeface="+mn-lt"/>
              </a:rPr>
              <a:t>organisations</a:t>
            </a:r>
            <a:r>
              <a:rPr lang="en-US" altLang="zh-HK" sz="1400" dirty="0">
                <a:latin typeface="+mn-lt"/>
              </a:rPr>
              <a:t> and people for permission to use their images and videos:</a:t>
            </a:r>
          </a:p>
          <a:p>
            <a:pPr eaLnBrk="1" hangingPunct="1">
              <a:lnSpc>
                <a:spcPct val="100000"/>
              </a:lnSpc>
              <a:buSzTx/>
            </a:pPr>
            <a:endParaRPr lang="en-US" altLang="zh-HK" sz="1400" dirty="0">
              <a:latin typeface="+mn-lt"/>
            </a:endParaRP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10 FACE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Anurak </a:t>
            </a:r>
            <a:r>
              <a:rPr lang="en-US" altLang="zh-HK" sz="1400" dirty="0" err="1">
                <a:latin typeface="+mn-lt"/>
              </a:rPr>
              <a:t>Pongpatimet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elysart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Givaga</a:t>
            </a:r>
            <a:r>
              <a:rPr lang="en-US" altLang="zh-HK" sz="1400" dirty="0">
                <a:latin typeface="+mn-lt"/>
              </a:rPr>
              <a:t>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kwanchaichaiudom</a:t>
            </a:r>
            <a:r>
              <a:rPr lang="en-US" altLang="zh-HK" sz="1400" dirty="0">
                <a:latin typeface="+mn-lt"/>
              </a:rPr>
              <a:t>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makrushka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Marian </a:t>
            </a:r>
            <a:r>
              <a:rPr lang="en-US" altLang="zh-HK" sz="1400" dirty="0" err="1">
                <a:latin typeface="+mn-lt"/>
              </a:rPr>
              <a:t>Weyo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Maxger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moonart</a:t>
            </a:r>
            <a:r>
              <a:rPr lang="en-US" altLang="zh-HK" sz="1400" dirty="0">
                <a:latin typeface="+mn-lt"/>
              </a:rPr>
              <a:t> (AI)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norikko</a:t>
            </a:r>
            <a:r>
              <a:rPr lang="en-US" altLang="zh-HK" sz="1400" dirty="0">
                <a:latin typeface="+mn-lt"/>
              </a:rPr>
              <a:t>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pominova</a:t>
            </a:r>
            <a:r>
              <a:rPr lang="en-US" altLang="zh-HK" sz="1400" dirty="0">
                <a:latin typeface="+mn-lt"/>
              </a:rPr>
              <a:t>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Ruslan Bond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solomon7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Studio_G</a:t>
            </a:r>
            <a:r>
              <a:rPr lang="en-US" altLang="zh-HK" sz="140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US" altLang="zh-HK" sz="1400" dirty="0">
                <a:latin typeface="+mn-lt"/>
              </a:rPr>
              <a:t>Tomas Marek / stock.adobe.com</a:t>
            </a:r>
          </a:p>
          <a:p>
            <a:pPr>
              <a:lnSpc>
                <a:spcPct val="100000"/>
              </a:lnSpc>
            </a:pPr>
            <a:r>
              <a:rPr lang="en-US" altLang="zh-HK" sz="1400" dirty="0" err="1">
                <a:latin typeface="+mn-lt"/>
              </a:rPr>
              <a:t>topntp</a:t>
            </a:r>
            <a:r>
              <a:rPr lang="en-US" altLang="zh-HK" sz="1400" dirty="0">
                <a:latin typeface="+mn-lt"/>
              </a:rPr>
              <a:t> / stock.adobe.co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78627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CBE1C4A-48B8-3471-210B-A532C8AEEA0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9E9E1AF0-6199-4D53-A884-767C0C54CD89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et’s read Clara’s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log entry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nd find out what she shared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ith her readers!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0ACC706-8286-D598-9126-F6815D1C761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7B166994-2E39-0B24-BC1D-287D50446AE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748000" y="2728800"/>
            <a:ext cx="3009090" cy="40142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751058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E4B825A-20EE-F197-9AA9-AEC9A81918D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5F170300-D8C6-00BD-37EC-9B86F9019929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the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eb address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of Clara’s blog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A032CF4-B33B-90E0-2E82-60BE0CCA3D11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>
            <a:extLst>
              <a:ext uri="{FF2B5EF4-FFF2-40B4-BE49-F238E27FC236}">
                <a16:creationId xmlns:a16="http://schemas.microsoft.com/office/drawing/2014/main" id="{2231C8CA-FB9D-394E-D479-1E58CAF20DE8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7CB210D8-F313-A29C-E794-BFC0D81D06E0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37A7516B-7A0A-D7C6-5639-486A87DCE342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7" name="Rectangle 6">
            <a:extLst>
              <a:ext uri="{FF2B5EF4-FFF2-40B4-BE49-F238E27FC236}">
                <a16:creationId xmlns:a16="http://schemas.microsoft.com/office/drawing/2014/main" id="{1CFB39F1-F00E-7C91-9FD5-DBE673402803}"/>
              </a:ext>
            </a:extLst>
          </p:cNvPr>
          <p:cNvSpPr/>
          <p:nvPr/>
        </p:nvSpPr>
        <p:spPr>
          <a:xfrm>
            <a:off x="2743200" y="1348913"/>
            <a:ext cx="8709498" cy="5509087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E8EAF86-FC96-F1D4-79E1-4EE092E174D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57982" y="1467314"/>
            <a:ext cx="10076033" cy="9467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31197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3.7037E-7 L 0.03294 -0.01528 " pathEditMode="relative" rAng="0" ptsTypes="AA">
                                      <p:cBhvr>
                                        <p:cTn id="24" dur="500" spd="-100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641" y="-76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B28100D-F8EF-108F-E091-ADDF5E0E91E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2294FF7F-0934-391B-FBAF-28B32CEDF32F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</a:t>
            </a:r>
            <a:r>
              <a:rPr kumimoji="0" lang="en-US" altLang="zh-HK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eb address </a:t>
            </a: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like the home address for a website</a:t>
            </a:r>
            <a:b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</a:br>
            <a:r>
              <a:rPr kumimoji="0" lang="en-US" altLang="zh-HK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on the Internet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5B1BECA-A9FD-0583-7077-ACC4946FC9C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79321" y="1427193"/>
            <a:ext cx="5433356" cy="5341907"/>
          </a:xfrm>
          <a:prstGeom prst="rect">
            <a:avLst/>
          </a:prstGeom>
        </p:spPr>
      </p:pic>
      <p:grpSp>
        <p:nvGrpSpPr>
          <p:cNvPr id="3" name="Group 2">
            <a:extLst>
              <a:ext uri="{FF2B5EF4-FFF2-40B4-BE49-F238E27FC236}">
                <a16:creationId xmlns:a16="http://schemas.microsoft.com/office/drawing/2014/main" id="{C1BFDBA4-6321-8E32-801F-BAB2C3E5C41F}"/>
              </a:ext>
            </a:extLst>
          </p:cNvPr>
          <p:cNvGrpSpPr/>
          <p:nvPr/>
        </p:nvGrpSpPr>
        <p:grpSpPr>
          <a:xfrm>
            <a:off x="6985931" y="1407738"/>
            <a:ext cx="3952390" cy="496585"/>
            <a:chOff x="-1586051" y="2314896"/>
            <a:chExt cx="5285086" cy="49658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E52F0C69-E448-143D-2923-B18C885DEC39}"/>
                </a:ext>
              </a:extLst>
            </p:cNvPr>
            <p:cNvSpPr/>
            <p:nvPr/>
          </p:nvSpPr>
          <p:spPr>
            <a:xfrm>
              <a:off x="1388375" y="2314896"/>
              <a:ext cx="2310660" cy="496585"/>
            </a:xfrm>
            <a:prstGeom prst="roundRect">
              <a:avLst>
                <a:gd name="adj" fmla="val 24951"/>
              </a:avLst>
            </a:prstGeom>
            <a:solidFill>
              <a:schemeClr val="bg1"/>
            </a:solidFill>
            <a:ln>
              <a:solidFill>
                <a:srgbClr val="18A74B"/>
              </a:solidFill>
              <a:tailEnd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US" altLang="zh-TW" sz="2200" dirty="0">
                  <a:solidFill>
                    <a:schemeClr val="tx1"/>
                  </a:solidFill>
                </a:rPr>
                <a:t>Web address</a:t>
              </a:r>
              <a:endParaRPr lang="en-GB" altLang="zh-TW" sz="2200" dirty="0">
                <a:solidFill>
                  <a:schemeClr val="tx1"/>
                </a:solidFill>
              </a:endParaRPr>
            </a:p>
          </p:txBody>
        </p:sp>
        <p:cxnSp>
          <p:nvCxnSpPr>
            <p:cNvPr id="6" name="Straight Arrow Connector 5">
              <a:extLst>
                <a:ext uri="{FF2B5EF4-FFF2-40B4-BE49-F238E27FC236}">
                  <a16:creationId xmlns:a16="http://schemas.microsoft.com/office/drawing/2014/main" id="{867ABC70-EEA9-853B-63CD-281914E8D2EA}"/>
                </a:ext>
              </a:extLst>
            </p:cNvPr>
            <p:cNvCxnSpPr>
              <a:cxnSpLocks/>
              <a:stCxn id="5" idx="1"/>
            </p:cNvCxnSpPr>
            <p:nvPr/>
          </p:nvCxnSpPr>
          <p:spPr>
            <a:xfrm flipH="1">
              <a:off x="-1586051" y="2563189"/>
              <a:ext cx="297442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headEnd w="med" len="med"/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7" name="Rectangle 6">
            <a:extLst>
              <a:ext uri="{FF2B5EF4-FFF2-40B4-BE49-F238E27FC236}">
                <a16:creationId xmlns:a16="http://schemas.microsoft.com/office/drawing/2014/main" id="{AFF5D7A5-65E8-E4A4-105D-22A567DBAF64}"/>
              </a:ext>
            </a:extLst>
          </p:cNvPr>
          <p:cNvSpPr/>
          <p:nvPr/>
        </p:nvSpPr>
        <p:spPr>
          <a:xfrm>
            <a:off x="2743200" y="1348913"/>
            <a:ext cx="8709498" cy="5509087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A2659DC5-A496-3CF9-48CA-120FC7BFC8C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57982" y="1467314"/>
            <a:ext cx="10076033" cy="9467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637617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3a_c5_p55_tt"/>
  <p:tag name="ISPRING_LMS_API_VERSION" val="SCORM 2004 (4th edition)"/>
  <p:tag name="ISPRING_ULTRA_SCORM_COURSE_ID" val="E5759395-6FBD-4166-968A-070719923441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5A Chapter 5 Text type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\\01_SB\\03_Tagged resources&quot;],[&quot;\uFFFD_\uFFFD\u000E{5F9A7829-1E97-428D-BE66-302A644CD4A7}&quot;,&quot;C:\\Users\\HK1-UCatherineLeung\\OneDrive - Pearson PLC\\Digital\\ePub\\3A\\01_SB\\10_Reprint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5A Chapter 5 Text type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822BF5-10C4-46E2-B13A-4BD0CF775F0C}:61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5D84A3-74CE-4F6D-8A20-5E93129A810B}:62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57D761-313A-475A-96FC-B810E083BFC0}:62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850DC8-7859-47EC-B879-3F632BFBA835}:622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154EA5-06AA-4F56-8E6E-8ACA9A15A11E}:62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93883B-B651-42AE-ABCF-CADBB5168940}:62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F89958-2F87-40B8-9FA8-1BA3EE8D5984}:625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C34D42-0A26-4D6F-8523-56C2053FB57A}:626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98B9AD-C3B1-4294-A3B9-97177BEE1A4F}:62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09328A-80BA-4AD1-87DA-2E3C6E8CE5BC}:62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AFDCE4-99DC-4D93-95CE-6C2236090F2A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83C07B-607F-4694-808E-0ADA8FB4FF64}:62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E1FFB3-C193-4480-8209-138B6E405D4C}:63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49C7D7-26C2-4A79-BFEC-8944DEE08A05}:634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C9D55B-72E3-44D5-8CE6-5B07BF0F7468}:63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13C80E-4D21-417C-AF09-041320815982}:633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9327F5-F994-4C05-9CD8-1D2EC7408A15}:632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17E289-CB01-46EE-B7A4-44549768C96A}:635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15B5FA-7521-4D7E-9CB6-4A6901A5874C}:636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3A74D9-4EDF-4777-BC73-F32A755AF8AA}:637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7BB727-B1C3-4155-A1B0-7E47D4F97D4D}:63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C41D74-B9B4-4C52-B0D1-0A03A58994C1}:28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52A0A8-8762-49C1-A6EC-4648855FFFF4}:639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4474E4-6CA6-4559-8CB2-D1E028B261B8}:64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39CE5B-9997-49D2-B631-759F480D2612}:64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2BB93B-9D68-4FC4-947E-DF3EF3BEA7EE}:642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7E3397-1E20-41A9-AC09-1DAFA2472249}:643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AC2A44-575C-441C-B191-F309D4CD5B4A}:644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778919-C492-4B7D-800A-2C97E7154194}:64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0CCC46-E8D6-4C43-8A18-A375610BBD11}:647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1BFE65-E77E-4E92-BE52-86E15C5ED56D}:646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3E4E8C-3455-4EDB-9444-EC5473254217}:64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B3320E1-859E-414E-82D4-FF1CD424F22F}:514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52076D-093C-4FD7-8C9D-947352A06241}:649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B092A5-75A9-4E6D-AB3C-AB96DE1E9DE7}:650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DDB96B-6757-404A-8CEB-F8BC457C1BA0}:651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C4D6E9-1169-4E05-8592-9D0EE2DAA1FB}:652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1315E2-7B3F-4E71-9E86-44B81BF0C2FF}:653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4D8A768-01CC-478A-9134-12CD888982EB}:654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794D93B-7260-4AE0-B84A-0D98ADC840EB}:655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14D4D7-7F09-4636-B0A8-1FE5E2A39F6B}:656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BAB740-2DD6-45D6-A09E-B4B76C953300}:657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023DE89-7925-4965-ABFA-29A1D89D6B23}:6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A72D7D-2726-4A9A-ADDD-985007BA99B3}:612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EB2756-76FF-4E21-80FF-EDE88F694397}:659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11C32C-ACA0-4B2B-B4FA-570DFB8A9F2F}:660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197366-D27D-45DA-95D2-3B560EAA9587}:661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00F254-D57A-4635-BD8B-7FA152E23C74}:662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6C08DA-60C9-4648-94A0-78ACCFE8CB62}:663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6952E7-F06A-430F-B8A5-21BEF0B9F7A5}:664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E818656-6943-48F1-9081-692C04EBE5BD}:665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BE06D4-1636-48E9-B94E-20DF0252FFD4}:671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3186E1-9F32-45D2-BEF3-A2FD319DF651}:303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82E1F5-6EFE-4A77-8956-0F8ABAE8B9A6}:67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8C5358-4888-46E3-BC13-6F913AE37440}:613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8E0B7D-59AF-4AD1-866A-25B8F033BAAE}:673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7AA7BC-27D7-4CC1-A42F-BAC8C7CC9E22}:258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6333FB-D73E-45B7-B710-474154F456FF}:35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E2CE35-CD0A-4480-91EE-A44135405B19}:61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2B0DAA-599E-4AA9-BA29-0906A45BB18B}:615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B5F3CB-BFA0-4623-BFBE-9B501F30103E}:616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>
        <a:ln w="12700">
          <a:solidFill>
            <a:srgbClr val="18A74B"/>
          </a:solidFill>
          <a:headEnd w="med" len="med"/>
          <a:tailEnd type="none" w="med" len="lg"/>
        </a:ln>
      </a:spPr>
      <a:bodyPr/>
      <a:lstStyle/>
      <a:style>
        <a:lnRef idx="1">
          <a:schemeClr val="accent1"/>
        </a:lnRef>
        <a:fillRef idx="0">
          <a:schemeClr val="accent1"/>
        </a:fillRef>
        <a:effectRef idx="0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3CEA6A50-20FC-4E83-9EE4-C8A32B08B8DD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CEEFCBC4-87DA-4BBB-B4CD-67A3CD37A0A3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115E1291-B007-4842-8F98-1BFDFEDFE1CF}">
  <ds:schemaRefs>
    <ds:schemaRef ds:uri="http://schemas.microsoft.com/office/infopath/2007/PartnerControls"/>
    <ds:schemaRef ds:uri="6a719dc3-2774-4bb3-bd51-e2fea1f33844"/>
    <ds:schemaRef ds:uri="ea194019-af41-4f5f-90aa-3f3df5d17659"/>
    <ds:schemaRef ds:uri="http://schemas.openxmlformats.org/package/2006/metadata/core-properties"/>
    <ds:schemaRef ds:uri="http://purl.org/dc/elements/1.1/"/>
    <ds:schemaRef ds:uri="http://purl.org/dc/dcmitype/"/>
    <ds:schemaRef ds:uri="http://schemas.microsoft.com/office/2006/documentManagement/types"/>
    <ds:schemaRef ds:uri="http://purl.org/dc/terms/"/>
    <ds:schemaRef ds:uri="http://schemas.microsoft.com/office/2006/metadata/properties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90</TotalTime>
  <Words>2059</Words>
  <Application>Microsoft Office PowerPoint</Application>
  <PresentationFormat>Widescreen</PresentationFormat>
  <Paragraphs>390</Paragraphs>
  <Slides>61</Slides>
  <Notes>61</Notes>
  <HiddenSlides>0</HiddenSlides>
  <MMClips>2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1</vt:i4>
      </vt:variant>
    </vt:vector>
  </HeadingPairs>
  <TitlesOfParts>
    <vt:vector size="69" baseType="lpstr">
      <vt:lpstr>Calibri</vt:lpstr>
      <vt:lpstr>Candara</vt:lpstr>
      <vt:lpstr>Verdana</vt:lpstr>
      <vt:lpstr>Open Sans ExtraBold</vt:lpstr>
      <vt:lpstr>Calibri Light</vt:lpstr>
      <vt:lpstr>Arial Unicode MS</vt:lpstr>
      <vt:lpstr>Arial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Manager/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5 Text type PPT</dc:title>
  <dc:creator/>
  <cp:lastModifiedBy>Catherine Leung</cp:lastModifiedBy>
  <cp:revision>2</cp:revision>
  <dcterms:created xsi:type="dcterms:W3CDTF">2025-05-28T04:27:33Z</dcterms:created>
  <dcterms:modified xsi:type="dcterms:W3CDTF">2025-08-31T04:22:0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Order">
    <vt:r8>45091500</vt:r8>
  </property>
  <property fmtid="{D5CDD505-2E9C-101B-9397-08002B2CF9AE}" pid="3" name="xd_ProgID">
    <vt:lpwstr/>
  </property>
  <property fmtid="{D5CDD505-2E9C-101B-9397-08002B2CF9AE}" pid="4" name="MediaServiceImageTags">
    <vt:lpwstr/>
  </property>
  <property fmtid="{D5CDD505-2E9C-101B-9397-08002B2CF9AE}" pid="5" name="ContentTypeId">
    <vt:lpwstr>0x010100C3A44B0A76C4084CA3186D7728ADCBD0</vt:lpwstr>
  </property>
  <property fmtid="{D5CDD505-2E9C-101B-9397-08002B2CF9AE}" pid="6" name="ComplianceAssetId">
    <vt:lpwstr/>
  </property>
  <property fmtid="{D5CDD505-2E9C-101B-9397-08002B2CF9AE}" pid="7" name="TemplateUrl">
    <vt:lpwstr/>
  </property>
  <property fmtid="{D5CDD505-2E9C-101B-9397-08002B2CF9AE}" pid="8" name="_ExtendedDescription">
    <vt:lpwstr/>
  </property>
  <property fmtid="{D5CDD505-2E9C-101B-9397-08002B2CF9AE}" pid="9" name="TriggerFlowInfo">
    <vt:lpwstr/>
  </property>
  <property fmtid="{D5CDD505-2E9C-101B-9397-08002B2CF9AE}" pid="10" name="xd_Signature">
    <vt:bool>false</vt:bool>
  </property>
</Properties>
</file>